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6"/>
  </p:notesMasterIdLst>
  <p:handoutMasterIdLst>
    <p:handoutMasterId r:id="rId17"/>
  </p:handoutMasterIdLst>
  <p:sldIdLst>
    <p:sldId id="830" r:id="rId7"/>
    <p:sldId id="821" r:id="rId8"/>
    <p:sldId id="831" r:id="rId9"/>
    <p:sldId id="832" r:id="rId10"/>
    <p:sldId id="835" r:id="rId11"/>
    <p:sldId id="842" r:id="rId12"/>
    <p:sldId id="843" r:id="rId13"/>
    <p:sldId id="844" r:id="rId14"/>
    <p:sldId id="834" r:id="rId15"/>
  </p:sldIdLst>
  <p:sldSz cx="12192000" cy="6858000"/>
  <p:notesSz cx="6858000" cy="9144000"/>
  <p:embeddedFontLst>
    <p:embeddedFont>
      <p:font typeface="Myriad for Rabobank" panose="020B0604020202020204" charset="0"/>
      <p:regular r:id="rId18"/>
      <p:bold r:id="rId19"/>
      <p:italic r:id="rId20"/>
      <p:boldItalic r:id="rId21"/>
    </p:embeddedFont>
    <p:embeddedFont>
      <p:font typeface="Myriad for Rabobank Bd It" panose="020B0604020202020204" charset="0"/>
      <p:regular r:id="rId22"/>
      <p:bold r:id="rId23"/>
      <p:italic r:id="rId24"/>
      <p:boldItalic r:id="rId25"/>
    </p:embeddedFont>
    <p:embeddedFont>
      <p:font typeface="Myriad for Rabobank It" panose="020B0604020202020204" charset="0"/>
      <p:regular r:id="rId26"/>
      <p:bold r:id="rId27"/>
      <p:italic r:id="rId28"/>
      <p:boldItalic r:id="rId29"/>
    </p:embeddedFont>
    <p:embeddedFont>
      <p:font typeface="Myriad for Rabobank Lt" panose="020B0604020202020204" charset="0"/>
      <p:regular r:id="rId30"/>
      <p:bold r:id="rId31"/>
      <p:italic r:id="rId32"/>
      <p:boldItalic r:id="rId33"/>
    </p:embeddedFont>
    <p:embeddedFont>
      <p:font typeface="Myriad for Rabobank SBd" panose="020B0604020202020204" charset="0"/>
      <p:regular r:id="rId34"/>
      <p:bold r:id="rId35"/>
      <p:italic r:id="rId36"/>
      <p:boldItalic r:id="rId37"/>
    </p:embeddedFont>
    <p:embeddedFont>
      <p:font typeface="Myriad for Rabobank SBd It" panose="020B0604020202020204" charset="0"/>
      <p:regular r:id="rId38"/>
      <p:bold r:id="rId39"/>
      <p:italic r:id="rId40"/>
      <p:boldItalic r:id="rId41"/>
    </p:embeddedFont>
    <p:embeddedFont>
      <p:font typeface="Myriad Pro" panose="020B0503030403020204" charset="0"/>
      <p:regular r:id="rId42"/>
      <p:bold r:id="rId43"/>
      <p:italic r:id="rId44"/>
      <p:boldItalic r:id="rId45"/>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6D60E53-7AC6-461F-824A-71353C1A5322}" v="61" dt="2023-04-09T18:24:39.43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p:scale>
          <a:sx n="75" d="100"/>
          <a:sy n="75" d="100"/>
        </p:scale>
        <p:origin x="648" y="690"/>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font" Target="fonts/font1.fntdata"/><Relationship Id="rId26" Type="http://schemas.openxmlformats.org/officeDocument/2006/relationships/font" Target="fonts/font9.fntdata"/><Relationship Id="rId39" Type="http://schemas.openxmlformats.org/officeDocument/2006/relationships/font" Target="fonts/font22.fntdata"/><Relationship Id="rId21" Type="http://schemas.openxmlformats.org/officeDocument/2006/relationships/font" Target="fonts/font4.fntdata"/><Relationship Id="rId34" Type="http://schemas.openxmlformats.org/officeDocument/2006/relationships/font" Target="fonts/font17.fntdata"/><Relationship Id="rId42" Type="http://schemas.openxmlformats.org/officeDocument/2006/relationships/font" Target="fonts/font25.fntdata"/><Relationship Id="rId47" Type="http://schemas.openxmlformats.org/officeDocument/2006/relationships/viewProps" Target="viewProps.xml"/><Relationship Id="rId50" Type="http://schemas.microsoft.com/office/2016/11/relationships/changesInfo" Target="changesInfos/changesInfo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notesMaster" Target="notesMasters/notesMaster1.xml"/><Relationship Id="rId29" Type="http://schemas.openxmlformats.org/officeDocument/2006/relationships/font" Target="fonts/font12.fntdata"/><Relationship Id="rId11" Type="http://schemas.openxmlformats.org/officeDocument/2006/relationships/slide" Target="slides/slide5.xml"/><Relationship Id="rId24" Type="http://schemas.openxmlformats.org/officeDocument/2006/relationships/font" Target="fonts/font7.fntdata"/><Relationship Id="rId32" Type="http://schemas.openxmlformats.org/officeDocument/2006/relationships/font" Target="fonts/font15.fntdata"/><Relationship Id="rId37" Type="http://schemas.openxmlformats.org/officeDocument/2006/relationships/font" Target="fonts/font20.fntdata"/><Relationship Id="rId40" Type="http://schemas.openxmlformats.org/officeDocument/2006/relationships/font" Target="fonts/font23.fntdata"/><Relationship Id="rId45" Type="http://schemas.openxmlformats.org/officeDocument/2006/relationships/font" Target="fonts/font28.fntdata"/><Relationship Id="rId5" Type="http://schemas.openxmlformats.org/officeDocument/2006/relationships/customXml" Target="../customXml/item5.xml"/><Relationship Id="rId15" Type="http://schemas.openxmlformats.org/officeDocument/2006/relationships/slide" Target="slides/slide9.xml"/><Relationship Id="rId23" Type="http://schemas.openxmlformats.org/officeDocument/2006/relationships/font" Target="fonts/font6.fntdata"/><Relationship Id="rId28" Type="http://schemas.openxmlformats.org/officeDocument/2006/relationships/font" Target="fonts/font11.fntdata"/><Relationship Id="rId36" Type="http://schemas.openxmlformats.org/officeDocument/2006/relationships/font" Target="fonts/font19.fntdata"/><Relationship Id="rId49" Type="http://schemas.openxmlformats.org/officeDocument/2006/relationships/tableStyles" Target="tableStyles.xml"/><Relationship Id="rId10" Type="http://schemas.openxmlformats.org/officeDocument/2006/relationships/slide" Target="slides/slide4.xml"/><Relationship Id="rId19" Type="http://schemas.openxmlformats.org/officeDocument/2006/relationships/font" Target="fonts/font2.fntdata"/><Relationship Id="rId31" Type="http://schemas.openxmlformats.org/officeDocument/2006/relationships/font" Target="fonts/font14.fntdata"/><Relationship Id="rId44" Type="http://schemas.openxmlformats.org/officeDocument/2006/relationships/font" Target="fonts/font27.fntdata"/><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font" Target="fonts/font5.fntdata"/><Relationship Id="rId27" Type="http://schemas.openxmlformats.org/officeDocument/2006/relationships/font" Target="fonts/font10.fntdata"/><Relationship Id="rId30" Type="http://schemas.openxmlformats.org/officeDocument/2006/relationships/font" Target="fonts/font13.fntdata"/><Relationship Id="rId35" Type="http://schemas.openxmlformats.org/officeDocument/2006/relationships/font" Target="fonts/font18.fntdata"/><Relationship Id="rId43" Type="http://schemas.openxmlformats.org/officeDocument/2006/relationships/font" Target="fonts/font26.fntdata"/><Relationship Id="rId48" Type="http://schemas.openxmlformats.org/officeDocument/2006/relationships/theme" Target="theme/theme1.xml"/><Relationship Id="rId8" Type="http://schemas.openxmlformats.org/officeDocument/2006/relationships/slide" Target="slides/slide2.xml"/><Relationship Id="rId51" Type="http://schemas.microsoft.com/office/2015/10/relationships/revisionInfo" Target="revisionInfo.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handoutMaster" Target="handoutMasters/handoutMaster1.xml"/><Relationship Id="rId25" Type="http://schemas.openxmlformats.org/officeDocument/2006/relationships/font" Target="fonts/font8.fntdata"/><Relationship Id="rId33" Type="http://schemas.openxmlformats.org/officeDocument/2006/relationships/font" Target="fonts/font16.fntdata"/><Relationship Id="rId38" Type="http://schemas.openxmlformats.org/officeDocument/2006/relationships/font" Target="fonts/font21.fntdata"/><Relationship Id="rId46" Type="http://schemas.openxmlformats.org/officeDocument/2006/relationships/presProps" Target="presProps.xml"/><Relationship Id="rId20" Type="http://schemas.openxmlformats.org/officeDocument/2006/relationships/font" Target="fonts/font3.fntdata"/><Relationship Id="rId41" Type="http://schemas.openxmlformats.org/officeDocument/2006/relationships/font" Target="fonts/font24.fntdata"/><Relationship Id="rId1" Type="http://schemas.openxmlformats.org/officeDocument/2006/relationships/customXml" Target="../customXml/item1.xml"/><Relationship Id="rId6" Type="http://schemas.openxmlformats.org/officeDocument/2006/relationships/slideMaster" Target="slideMasters/slide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ys, B (Brecht) (Business Manager III)" userId="f0c14ff5-aa98-4919-8cfd-4bc2d31aed24" providerId="ADAL" clId="{1DD1E73E-A881-4055-961D-3C75B76A98ED}"/>
    <pc:docChg chg="custSel delSld modSld">
      <pc:chgData name="Nys, B (Brecht) (Business Manager III)" userId="f0c14ff5-aa98-4919-8cfd-4bc2d31aed24" providerId="ADAL" clId="{1DD1E73E-A881-4055-961D-3C75B76A98ED}" dt="2023-04-06T23:08:31.138" v="36" actId="20577"/>
      <pc:docMkLst>
        <pc:docMk/>
      </pc:docMkLst>
      <pc:sldChg chg="del">
        <pc:chgData name="Nys, B (Brecht) (Business Manager III)" userId="f0c14ff5-aa98-4919-8cfd-4bc2d31aed24" providerId="ADAL" clId="{1DD1E73E-A881-4055-961D-3C75B76A98ED}" dt="2023-04-06T23:06:24.620" v="11" actId="47"/>
        <pc:sldMkLst>
          <pc:docMk/>
          <pc:sldMk cId="1789068034" sldId="815"/>
        </pc:sldMkLst>
      </pc:sldChg>
      <pc:sldChg chg="del">
        <pc:chgData name="Nys, B (Brecht) (Business Manager III)" userId="f0c14ff5-aa98-4919-8cfd-4bc2d31aed24" providerId="ADAL" clId="{1DD1E73E-A881-4055-961D-3C75B76A98ED}" dt="2023-04-06T23:06:27.405" v="12" actId="47"/>
        <pc:sldMkLst>
          <pc:docMk/>
          <pc:sldMk cId="3401905049" sldId="827"/>
        </pc:sldMkLst>
      </pc:sldChg>
      <pc:sldChg chg="delSp modSp mod">
        <pc:chgData name="Nys, B (Brecht) (Business Manager III)" userId="f0c14ff5-aa98-4919-8cfd-4bc2d31aed24" providerId="ADAL" clId="{1DD1E73E-A881-4055-961D-3C75B76A98ED}" dt="2023-04-06T23:08:31.138" v="36" actId="20577"/>
        <pc:sldMkLst>
          <pc:docMk/>
          <pc:sldMk cId="1777398863" sldId="830"/>
        </pc:sldMkLst>
        <pc:spChg chg="mod">
          <ac:chgData name="Nys, B (Brecht) (Business Manager III)" userId="f0c14ff5-aa98-4919-8cfd-4bc2d31aed24" providerId="ADAL" clId="{1DD1E73E-A881-4055-961D-3C75B76A98ED}" dt="2023-04-06T23:08:25.536" v="29" actId="20577"/>
          <ac:spMkLst>
            <pc:docMk/>
            <pc:sldMk cId="1777398863" sldId="830"/>
            <ac:spMk id="6" creationId="{7A7ABC60-E318-4903-BC01-B1CAACC679D3}"/>
          </ac:spMkLst>
        </pc:spChg>
        <pc:spChg chg="mod">
          <ac:chgData name="Nys, B (Brecht) (Business Manager III)" userId="f0c14ff5-aa98-4919-8cfd-4bc2d31aed24" providerId="ADAL" clId="{1DD1E73E-A881-4055-961D-3C75B76A98ED}" dt="2023-04-06T23:08:31.138" v="36" actId="20577"/>
          <ac:spMkLst>
            <pc:docMk/>
            <pc:sldMk cId="1777398863" sldId="830"/>
            <ac:spMk id="8" creationId="{F6464A43-5B80-4854-9FC3-E00F515DC04B}"/>
          </ac:spMkLst>
        </pc:spChg>
        <pc:spChg chg="del">
          <ac:chgData name="Nys, B (Brecht) (Business Manager III)" userId="f0c14ff5-aa98-4919-8cfd-4bc2d31aed24" providerId="ADAL" clId="{1DD1E73E-A881-4055-961D-3C75B76A98ED}" dt="2023-04-06T23:06:39.278" v="24" actId="478"/>
          <ac:spMkLst>
            <pc:docMk/>
            <pc:sldMk cId="1777398863" sldId="830"/>
            <ac:spMk id="12" creationId="{0B64ED5A-1714-0F46-AFBB-75699C37FFE5}"/>
          </ac:spMkLst>
        </pc:spChg>
      </pc:sldChg>
      <pc:sldChg chg="del">
        <pc:chgData name="Nys, B (Brecht) (Business Manager III)" userId="f0c14ff5-aa98-4919-8cfd-4bc2d31aed24" providerId="ADAL" clId="{1DD1E73E-A881-4055-961D-3C75B76A98ED}" dt="2023-04-06T23:06:27.899" v="13" actId="47"/>
        <pc:sldMkLst>
          <pc:docMk/>
          <pc:sldMk cId="1534929746" sldId="848"/>
        </pc:sldMkLst>
      </pc:sldChg>
      <pc:sldChg chg="del">
        <pc:chgData name="Nys, B (Brecht) (Business Manager III)" userId="f0c14ff5-aa98-4919-8cfd-4bc2d31aed24" providerId="ADAL" clId="{1DD1E73E-A881-4055-961D-3C75B76A98ED}" dt="2023-04-06T23:06:18.472" v="6" actId="47"/>
        <pc:sldMkLst>
          <pc:docMk/>
          <pc:sldMk cId="3712177816" sldId="849"/>
        </pc:sldMkLst>
      </pc:sldChg>
      <pc:sldChg chg="del">
        <pc:chgData name="Nys, B (Brecht) (Business Manager III)" userId="f0c14ff5-aa98-4919-8cfd-4bc2d31aed24" providerId="ADAL" clId="{1DD1E73E-A881-4055-961D-3C75B76A98ED}" dt="2023-04-06T23:06:19.305" v="7" actId="47"/>
        <pc:sldMkLst>
          <pc:docMk/>
          <pc:sldMk cId="2915027552" sldId="851"/>
        </pc:sldMkLst>
      </pc:sldChg>
      <pc:sldChg chg="del">
        <pc:chgData name="Nys, B (Brecht) (Business Manager III)" userId="f0c14ff5-aa98-4919-8cfd-4bc2d31aed24" providerId="ADAL" clId="{1DD1E73E-A881-4055-961D-3C75B76A98ED}" dt="2023-04-06T23:06:13.270" v="0" actId="47"/>
        <pc:sldMkLst>
          <pc:docMk/>
          <pc:sldMk cId="2990188932" sldId="854"/>
        </pc:sldMkLst>
      </pc:sldChg>
      <pc:sldChg chg="del">
        <pc:chgData name="Nys, B (Brecht) (Business Manager III)" userId="f0c14ff5-aa98-4919-8cfd-4bc2d31aed24" providerId="ADAL" clId="{1DD1E73E-A881-4055-961D-3C75B76A98ED}" dt="2023-04-06T23:06:17.639" v="5" actId="47"/>
        <pc:sldMkLst>
          <pc:docMk/>
          <pc:sldMk cId="1644392480" sldId="856"/>
        </pc:sldMkLst>
      </pc:sldChg>
      <pc:sldChg chg="del">
        <pc:chgData name="Nys, B (Brecht) (Business Manager III)" userId="f0c14ff5-aa98-4919-8cfd-4bc2d31aed24" providerId="ADAL" clId="{1DD1E73E-A881-4055-961D-3C75B76A98ED}" dt="2023-04-06T23:06:16.308" v="4" actId="47"/>
        <pc:sldMkLst>
          <pc:docMk/>
          <pc:sldMk cId="1966983631" sldId="858"/>
        </pc:sldMkLst>
      </pc:sldChg>
      <pc:sldChg chg="del">
        <pc:chgData name="Nys, B (Brecht) (Business Manager III)" userId="f0c14ff5-aa98-4919-8cfd-4bc2d31aed24" providerId="ADAL" clId="{1DD1E73E-A881-4055-961D-3C75B76A98ED}" dt="2023-04-06T23:06:15.111" v="2" actId="47"/>
        <pc:sldMkLst>
          <pc:docMk/>
          <pc:sldMk cId="1743217131" sldId="860"/>
        </pc:sldMkLst>
      </pc:sldChg>
      <pc:sldChg chg="del">
        <pc:chgData name="Nys, B (Brecht) (Business Manager III)" userId="f0c14ff5-aa98-4919-8cfd-4bc2d31aed24" providerId="ADAL" clId="{1DD1E73E-A881-4055-961D-3C75B76A98ED}" dt="2023-04-06T23:06:15.757" v="3" actId="47"/>
        <pc:sldMkLst>
          <pc:docMk/>
          <pc:sldMk cId="4175084854" sldId="861"/>
        </pc:sldMkLst>
      </pc:sldChg>
      <pc:sldChg chg="del">
        <pc:chgData name="Nys, B (Brecht) (Business Manager III)" userId="f0c14ff5-aa98-4919-8cfd-4bc2d31aed24" providerId="ADAL" clId="{1DD1E73E-A881-4055-961D-3C75B76A98ED}" dt="2023-04-06T23:06:14.339" v="1" actId="47"/>
        <pc:sldMkLst>
          <pc:docMk/>
          <pc:sldMk cId="731767485" sldId="866"/>
        </pc:sldMkLst>
      </pc:sldChg>
      <pc:sldChg chg="del">
        <pc:chgData name="Nys, B (Brecht) (Business Manager III)" userId="f0c14ff5-aa98-4919-8cfd-4bc2d31aed24" providerId="ADAL" clId="{1DD1E73E-A881-4055-961D-3C75B76A98ED}" dt="2023-04-06T23:06:23.999" v="10" actId="47"/>
        <pc:sldMkLst>
          <pc:docMk/>
          <pc:sldMk cId="3025114966" sldId="868"/>
        </pc:sldMkLst>
      </pc:sldChg>
      <pc:sldChg chg="del">
        <pc:chgData name="Nys, B (Brecht) (Business Manager III)" userId="f0c14ff5-aa98-4919-8cfd-4bc2d31aed24" providerId="ADAL" clId="{1DD1E73E-A881-4055-961D-3C75B76A98ED}" dt="2023-04-06T23:06:23.450" v="9" actId="47"/>
        <pc:sldMkLst>
          <pc:docMk/>
          <pc:sldMk cId="1324420008" sldId="869"/>
        </pc:sldMkLst>
      </pc:sldChg>
      <pc:sldChg chg="del">
        <pc:chgData name="Nys, B (Brecht) (Business Manager III)" userId="f0c14ff5-aa98-4919-8cfd-4bc2d31aed24" providerId="ADAL" clId="{1DD1E73E-A881-4055-961D-3C75B76A98ED}" dt="2023-04-06T23:06:20.616" v="8" actId="47"/>
        <pc:sldMkLst>
          <pc:docMk/>
          <pc:sldMk cId="3267910868" sldId="870"/>
        </pc:sldMkLst>
      </pc:sldChg>
      <pc:sldChg chg="del">
        <pc:chgData name="Nys, B (Brecht) (Business Manager III)" userId="f0c14ff5-aa98-4919-8cfd-4bc2d31aed24" providerId="ADAL" clId="{1DD1E73E-A881-4055-961D-3C75B76A98ED}" dt="2023-04-06T23:06:28.619" v="14" actId="47"/>
        <pc:sldMkLst>
          <pc:docMk/>
          <pc:sldMk cId="269678020" sldId="871"/>
        </pc:sldMkLst>
      </pc:sldChg>
      <pc:sldChg chg="del">
        <pc:chgData name="Nys, B (Brecht) (Business Manager III)" userId="f0c14ff5-aa98-4919-8cfd-4bc2d31aed24" providerId="ADAL" clId="{1DD1E73E-A881-4055-961D-3C75B76A98ED}" dt="2023-04-06T23:06:29.045" v="15" actId="47"/>
        <pc:sldMkLst>
          <pc:docMk/>
          <pc:sldMk cId="1755271308" sldId="872"/>
        </pc:sldMkLst>
      </pc:sldChg>
      <pc:sldChg chg="del">
        <pc:chgData name="Nys, B (Brecht) (Business Manager III)" userId="f0c14ff5-aa98-4919-8cfd-4bc2d31aed24" providerId="ADAL" clId="{1DD1E73E-A881-4055-961D-3C75B76A98ED}" dt="2023-04-06T23:06:29.875" v="18" actId="47"/>
        <pc:sldMkLst>
          <pc:docMk/>
          <pc:sldMk cId="104000611" sldId="873"/>
        </pc:sldMkLst>
      </pc:sldChg>
      <pc:sldChg chg="del">
        <pc:chgData name="Nys, B (Brecht) (Business Manager III)" userId="f0c14ff5-aa98-4919-8cfd-4bc2d31aed24" providerId="ADAL" clId="{1DD1E73E-A881-4055-961D-3C75B76A98ED}" dt="2023-04-06T23:06:30.155" v="19" actId="47"/>
        <pc:sldMkLst>
          <pc:docMk/>
          <pc:sldMk cId="128001498" sldId="874"/>
        </pc:sldMkLst>
      </pc:sldChg>
      <pc:sldChg chg="del">
        <pc:chgData name="Nys, B (Brecht) (Business Manager III)" userId="f0c14ff5-aa98-4919-8cfd-4bc2d31aed24" providerId="ADAL" clId="{1DD1E73E-A881-4055-961D-3C75B76A98ED}" dt="2023-04-06T23:06:30.449" v="20" actId="47"/>
        <pc:sldMkLst>
          <pc:docMk/>
          <pc:sldMk cId="2889048366" sldId="875"/>
        </pc:sldMkLst>
      </pc:sldChg>
      <pc:sldChg chg="del">
        <pc:chgData name="Nys, B (Brecht) (Business Manager III)" userId="f0c14ff5-aa98-4919-8cfd-4bc2d31aed24" providerId="ADAL" clId="{1DD1E73E-A881-4055-961D-3C75B76A98ED}" dt="2023-04-06T23:06:30.845" v="21" actId="47"/>
        <pc:sldMkLst>
          <pc:docMk/>
          <pc:sldMk cId="1704515563" sldId="876"/>
        </pc:sldMkLst>
      </pc:sldChg>
      <pc:sldChg chg="del">
        <pc:chgData name="Nys, B (Brecht) (Business Manager III)" userId="f0c14ff5-aa98-4919-8cfd-4bc2d31aed24" providerId="ADAL" clId="{1DD1E73E-A881-4055-961D-3C75B76A98ED}" dt="2023-04-06T23:06:31.248" v="22" actId="47"/>
        <pc:sldMkLst>
          <pc:docMk/>
          <pc:sldMk cId="1844407147" sldId="877"/>
        </pc:sldMkLst>
      </pc:sldChg>
      <pc:sldChg chg="del">
        <pc:chgData name="Nys, B (Brecht) (Business Manager III)" userId="f0c14ff5-aa98-4919-8cfd-4bc2d31aed24" providerId="ADAL" clId="{1DD1E73E-A881-4055-961D-3C75B76A98ED}" dt="2023-04-06T23:06:29.324" v="16" actId="47"/>
        <pc:sldMkLst>
          <pc:docMk/>
          <pc:sldMk cId="3578949222" sldId="878"/>
        </pc:sldMkLst>
      </pc:sldChg>
      <pc:sldChg chg="del">
        <pc:chgData name="Nys, B (Brecht) (Business Manager III)" userId="f0c14ff5-aa98-4919-8cfd-4bc2d31aed24" providerId="ADAL" clId="{1DD1E73E-A881-4055-961D-3C75B76A98ED}" dt="2023-04-06T23:06:29.627" v="17" actId="47"/>
        <pc:sldMkLst>
          <pc:docMk/>
          <pc:sldMk cId="2710205468" sldId="879"/>
        </pc:sldMkLst>
      </pc:sldChg>
      <pc:sldChg chg="del">
        <pc:chgData name="Nys, B (Brecht) (Business Manager III)" userId="f0c14ff5-aa98-4919-8cfd-4bc2d31aed24" providerId="ADAL" clId="{1DD1E73E-A881-4055-961D-3C75B76A98ED}" dt="2023-04-06T23:06:31.954" v="23" actId="47"/>
        <pc:sldMkLst>
          <pc:docMk/>
          <pc:sldMk cId="79661503" sldId="881"/>
        </pc:sldMkLst>
      </pc:sldChg>
      <pc:sldMasterChg chg="delSldLayout">
        <pc:chgData name="Nys, B (Brecht) (Business Manager III)" userId="f0c14ff5-aa98-4919-8cfd-4bc2d31aed24" providerId="ADAL" clId="{1DD1E73E-A881-4055-961D-3C75B76A98ED}" dt="2023-04-06T23:06:31.954" v="23" actId="47"/>
        <pc:sldMasterMkLst>
          <pc:docMk/>
          <pc:sldMasterMk cId="2352157268" sldId="2147483648"/>
        </pc:sldMasterMkLst>
        <pc:sldLayoutChg chg="del">
          <pc:chgData name="Nys, B (Brecht) (Business Manager III)" userId="f0c14ff5-aa98-4919-8cfd-4bc2d31aed24" providerId="ADAL" clId="{1DD1E73E-A881-4055-961D-3C75B76A98ED}" dt="2023-04-06T23:06:20.616" v="8" actId="47"/>
          <pc:sldLayoutMkLst>
            <pc:docMk/>
            <pc:sldMasterMk cId="2352157268" sldId="2147483648"/>
            <pc:sldLayoutMk cId="149586876" sldId="2147483713"/>
          </pc:sldLayoutMkLst>
        </pc:sldLayoutChg>
        <pc:sldLayoutChg chg="del">
          <pc:chgData name="Nys, B (Brecht) (Business Manager III)" userId="f0c14ff5-aa98-4919-8cfd-4bc2d31aed24" providerId="ADAL" clId="{1DD1E73E-A881-4055-961D-3C75B76A98ED}" dt="2023-04-06T23:06:27.899" v="13" actId="47"/>
          <pc:sldLayoutMkLst>
            <pc:docMk/>
            <pc:sldMasterMk cId="2352157268" sldId="2147483648"/>
            <pc:sldLayoutMk cId="2532614621" sldId="2147483714"/>
          </pc:sldLayoutMkLst>
        </pc:sldLayoutChg>
        <pc:sldLayoutChg chg="del">
          <pc:chgData name="Nys, B (Brecht) (Business Manager III)" userId="f0c14ff5-aa98-4919-8cfd-4bc2d31aed24" providerId="ADAL" clId="{1DD1E73E-A881-4055-961D-3C75B76A98ED}" dt="2023-04-06T23:06:31.954" v="23" actId="47"/>
          <pc:sldLayoutMkLst>
            <pc:docMk/>
            <pc:sldMasterMk cId="2352157268" sldId="2147483648"/>
            <pc:sldLayoutMk cId="310632916" sldId="2147483715"/>
          </pc:sldLayoutMkLst>
        </pc:sldLayoutChg>
      </pc:sldMasterChg>
    </pc:docChg>
  </pc:docChgLst>
  <pc:docChgLst>
    <pc:chgData name="Brecht Nys" userId="8e187b20a541708e" providerId="LiveId" clId="{36D60E53-7AC6-461F-824A-71353C1A5322}"/>
    <pc:docChg chg="undo custSel addSld delSld modSld sldOrd modMainMaster">
      <pc:chgData name="Brecht Nys" userId="8e187b20a541708e" providerId="LiveId" clId="{36D60E53-7AC6-461F-824A-71353C1A5322}" dt="2023-04-09T18:30:33.944" v="5685" actId="20577"/>
      <pc:docMkLst>
        <pc:docMk/>
      </pc:docMkLst>
      <pc:sldChg chg="addSp delSp modSp mod">
        <pc:chgData name="Brecht Nys" userId="8e187b20a541708e" providerId="LiveId" clId="{36D60E53-7AC6-461F-824A-71353C1A5322}" dt="2023-04-07T01:04:26.656" v="1260" actId="12789"/>
        <pc:sldMkLst>
          <pc:docMk/>
          <pc:sldMk cId="3483934314" sldId="821"/>
        </pc:sldMkLst>
        <pc:spChg chg="mod">
          <ac:chgData name="Brecht Nys" userId="8e187b20a541708e" providerId="LiveId" clId="{36D60E53-7AC6-461F-824A-71353C1A5322}" dt="2023-04-07T00:26:36.231" v="118" actId="5793"/>
          <ac:spMkLst>
            <pc:docMk/>
            <pc:sldMk cId="3483934314" sldId="821"/>
            <ac:spMk id="2" creationId="{00000000-0000-0000-0000-000000000000}"/>
          </ac:spMkLst>
        </pc:spChg>
        <pc:spChg chg="add mod">
          <ac:chgData name="Brecht Nys" userId="8e187b20a541708e" providerId="LiveId" clId="{36D60E53-7AC6-461F-824A-71353C1A5322}" dt="2023-04-07T01:04:05.167" v="1256" actId="12788"/>
          <ac:spMkLst>
            <pc:docMk/>
            <pc:sldMk cId="3483934314" sldId="821"/>
            <ac:spMk id="3" creationId="{907196DC-5EE3-6096-0D3D-0036808A5DE5}"/>
          </ac:spMkLst>
        </pc:spChg>
        <pc:spChg chg="del">
          <ac:chgData name="Brecht Nys" userId="8e187b20a541708e" providerId="LiveId" clId="{36D60E53-7AC6-461F-824A-71353C1A5322}" dt="2023-04-07T00:25:47.280" v="76" actId="478"/>
          <ac:spMkLst>
            <pc:docMk/>
            <pc:sldMk cId="3483934314" sldId="821"/>
            <ac:spMk id="4" creationId="{00000000-0000-0000-0000-000000000000}"/>
          </ac:spMkLst>
        </pc:spChg>
        <pc:spChg chg="del">
          <ac:chgData name="Brecht Nys" userId="8e187b20a541708e" providerId="LiveId" clId="{36D60E53-7AC6-461F-824A-71353C1A5322}" dt="2023-04-07T00:25:47.280" v="76" actId="478"/>
          <ac:spMkLst>
            <pc:docMk/>
            <pc:sldMk cId="3483934314" sldId="821"/>
            <ac:spMk id="5" creationId="{5D6F806C-E25D-48BD-B13B-96933E76FFAE}"/>
          </ac:spMkLst>
        </pc:spChg>
        <pc:spChg chg="add mod">
          <ac:chgData name="Brecht Nys" userId="8e187b20a541708e" providerId="LiveId" clId="{36D60E53-7AC6-461F-824A-71353C1A5322}" dt="2023-04-07T01:04:09.099" v="1257" actId="12788"/>
          <ac:spMkLst>
            <pc:docMk/>
            <pc:sldMk cId="3483934314" sldId="821"/>
            <ac:spMk id="6" creationId="{EA9D07E0-A5C6-86C9-3B2A-69EA97E6B596}"/>
          </ac:spMkLst>
        </pc:spChg>
        <pc:spChg chg="add mod">
          <ac:chgData name="Brecht Nys" userId="8e187b20a541708e" providerId="LiveId" clId="{36D60E53-7AC6-461F-824A-71353C1A5322}" dt="2023-04-07T01:04:14.871" v="1258" actId="12788"/>
          <ac:spMkLst>
            <pc:docMk/>
            <pc:sldMk cId="3483934314" sldId="821"/>
            <ac:spMk id="7" creationId="{3B86108A-7AF6-C128-3538-E3129D1F76F6}"/>
          </ac:spMkLst>
        </pc:spChg>
        <pc:spChg chg="add mod">
          <ac:chgData name="Brecht Nys" userId="8e187b20a541708e" providerId="LiveId" clId="{36D60E53-7AC6-461F-824A-71353C1A5322}" dt="2023-04-07T01:04:19.186" v="1259" actId="12788"/>
          <ac:spMkLst>
            <pc:docMk/>
            <pc:sldMk cId="3483934314" sldId="821"/>
            <ac:spMk id="8" creationId="{7C259A82-2B28-B7A5-116E-6429B8DC1E00}"/>
          </ac:spMkLst>
        </pc:spChg>
        <pc:spChg chg="add mod">
          <ac:chgData name="Brecht Nys" userId="8e187b20a541708e" providerId="LiveId" clId="{36D60E53-7AC6-461F-824A-71353C1A5322}" dt="2023-04-07T00:49:55.142" v="1036" actId="1036"/>
          <ac:spMkLst>
            <pc:docMk/>
            <pc:sldMk cId="3483934314" sldId="821"/>
            <ac:spMk id="9" creationId="{98A78A18-825E-C595-B308-29F28B0C2017}"/>
          </ac:spMkLst>
        </pc:spChg>
        <pc:spChg chg="add mod">
          <ac:chgData name="Brecht Nys" userId="8e187b20a541708e" providerId="LiveId" clId="{36D60E53-7AC6-461F-824A-71353C1A5322}" dt="2023-04-07T00:59:28.472" v="1216" actId="20577"/>
          <ac:spMkLst>
            <pc:docMk/>
            <pc:sldMk cId="3483934314" sldId="821"/>
            <ac:spMk id="10" creationId="{69C24F2A-80FB-A4C8-4845-7634C6D7F389}"/>
          </ac:spMkLst>
        </pc:spChg>
        <pc:spChg chg="add del mod">
          <ac:chgData name="Brecht Nys" userId="8e187b20a541708e" providerId="LiveId" clId="{36D60E53-7AC6-461F-824A-71353C1A5322}" dt="2023-04-07T00:38:07.489" v="204"/>
          <ac:spMkLst>
            <pc:docMk/>
            <pc:sldMk cId="3483934314" sldId="821"/>
            <ac:spMk id="12" creationId="{89A14161-53CF-E7B4-E4E2-5890C3A7C201}"/>
          </ac:spMkLst>
        </pc:spChg>
        <pc:spChg chg="add mod">
          <ac:chgData name="Brecht Nys" userId="8e187b20a541708e" providerId="LiveId" clId="{36D60E53-7AC6-461F-824A-71353C1A5322}" dt="2023-04-07T00:49:55.142" v="1036" actId="1036"/>
          <ac:spMkLst>
            <pc:docMk/>
            <pc:sldMk cId="3483934314" sldId="821"/>
            <ac:spMk id="14" creationId="{DCB9BDD5-A700-4E32-2871-F20697599D28}"/>
          </ac:spMkLst>
        </pc:spChg>
        <pc:spChg chg="add mod">
          <ac:chgData name="Brecht Nys" userId="8e187b20a541708e" providerId="LiveId" clId="{36D60E53-7AC6-461F-824A-71353C1A5322}" dt="2023-04-07T00:49:55.142" v="1036" actId="1036"/>
          <ac:spMkLst>
            <pc:docMk/>
            <pc:sldMk cId="3483934314" sldId="821"/>
            <ac:spMk id="15" creationId="{13B68796-0446-361E-2749-848866C53D7E}"/>
          </ac:spMkLst>
        </pc:spChg>
        <pc:spChg chg="add mod">
          <ac:chgData name="Brecht Nys" userId="8e187b20a541708e" providerId="LiveId" clId="{36D60E53-7AC6-461F-824A-71353C1A5322}" dt="2023-04-07T00:49:55.142" v="1036" actId="1036"/>
          <ac:spMkLst>
            <pc:docMk/>
            <pc:sldMk cId="3483934314" sldId="821"/>
            <ac:spMk id="16" creationId="{6636AB43-34F2-5A6F-CCC1-352568226909}"/>
          </ac:spMkLst>
        </pc:spChg>
        <pc:spChg chg="add mod">
          <ac:chgData name="Brecht Nys" userId="8e187b20a541708e" providerId="LiveId" clId="{36D60E53-7AC6-461F-824A-71353C1A5322}" dt="2023-04-07T00:57:19.103" v="1215" actId="1036"/>
          <ac:spMkLst>
            <pc:docMk/>
            <pc:sldMk cId="3483934314" sldId="821"/>
            <ac:spMk id="17" creationId="{76FB6254-5555-D084-7C16-D7ED2802050A}"/>
          </ac:spMkLst>
        </pc:spChg>
        <pc:spChg chg="add mod">
          <ac:chgData name="Brecht Nys" userId="8e187b20a541708e" providerId="LiveId" clId="{36D60E53-7AC6-461F-824A-71353C1A5322}" dt="2023-04-07T01:02:18.416" v="1222" actId="1076"/>
          <ac:spMkLst>
            <pc:docMk/>
            <pc:sldMk cId="3483934314" sldId="821"/>
            <ac:spMk id="18" creationId="{CE08E418-6377-B2AF-7447-B8BCFA277450}"/>
          </ac:spMkLst>
        </pc:spChg>
        <pc:spChg chg="add mod">
          <ac:chgData name="Brecht Nys" userId="8e187b20a541708e" providerId="LiveId" clId="{36D60E53-7AC6-461F-824A-71353C1A5322}" dt="2023-04-07T00:57:19.103" v="1215" actId="1036"/>
          <ac:spMkLst>
            <pc:docMk/>
            <pc:sldMk cId="3483934314" sldId="821"/>
            <ac:spMk id="19" creationId="{4A5C37BD-0855-3F66-8F29-24140BB80B28}"/>
          </ac:spMkLst>
        </pc:spChg>
        <pc:spChg chg="add del">
          <ac:chgData name="Brecht Nys" userId="8e187b20a541708e" providerId="LiveId" clId="{36D60E53-7AC6-461F-824A-71353C1A5322}" dt="2023-04-07T01:03:35.061" v="1232"/>
          <ac:spMkLst>
            <pc:docMk/>
            <pc:sldMk cId="3483934314" sldId="821"/>
            <ac:spMk id="23" creationId="{31E4E512-19CD-A74B-1769-3789FFEFCF16}"/>
          </ac:spMkLst>
        </pc:spChg>
        <pc:spChg chg="del">
          <ac:chgData name="Brecht Nys" userId="8e187b20a541708e" providerId="LiveId" clId="{36D60E53-7AC6-461F-824A-71353C1A5322}" dt="2023-04-07T00:25:47.280" v="76" actId="478"/>
          <ac:spMkLst>
            <pc:docMk/>
            <pc:sldMk cId="3483934314" sldId="821"/>
            <ac:spMk id="552" creationId="{00000000-0000-0000-0000-000000000000}"/>
          </ac:spMkLst>
        </pc:spChg>
        <pc:spChg chg="del">
          <ac:chgData name="Brecht Nys" userId="8e187b20a541708e" providerId="LiveId" clId="{36D60E53-7AC6-461F-824A-71353C1A5322}" dt="2023-04-07T00:25:47.280" v="76" actId="478"/>
          <ac:spMkLst>
            <pc:docMk/>
            <pc:sldMk cId="3483934314" sldId="821"/>
            <ac:spMk id="557" creationId="{00000000-0000-0000-0000-000000000000}"/>
          </ac:spMkLst>
        </pc:spChg>
        <pc:spChg chg="del">
          <ac:chgData name="Brecht Nys" userId="8e187b20a541708e" providerId="LiveId" clId="{36D60E53-7AC6-461F-824A-71353C1A5322}" dt="2023-04-07T00:25:47.280" v="76" actId="478"/>
          <ac:spMkLst>
            <pc:docMk/>
            <pc:sldMk cId="3483934314" sldId="821"/>
            <ac:spMk id="558" creationId="{00000000-0000-0000-0000-000000000000}"/>
          </ac:spMkLst>
        </pc:spChg>
        <pc:spChg chg="del">
          <ac:chgData name="Brecht Nys" userId="8e187b20a541708e" providerId="LiveId" clId="{36D60E53-7AC6-461F-824A-71353C1A5322}" dt="2023-04-07T00:25:47.280" v="76" actId="478"/>
          <ac:spMkLst>
            <pc:docMk/>
            <pc:sldMk cId="3483934314" sldId="821"/>
            <ac:spMk id="563" creationId="{00000000-0000-0000-0000-000000000000}"/>
          </ac:spMkLst>
        </pc:spChg>
        <pc:spChg chg="del">
          <ac:chgData name="Brecht Nys" userId="8e187b20a541708e" providerId="LiveId" clId="{36D60E53-7AC6-461F-824A-71353C1A5322}" dt="2023-04-07T00:25:47.280" v="76" actId="478"/>
          <ac:spMkLst>
            <pc:docMk/>
            <pc:sldMk cId="3483934314" sldId="821"/>
            <ac:spMk id="564" creationId="{00000000-0000-0000-0000-000000000000}"/>
          </ac:spMkLst>
        </pc:spChg>
        <pc:spChg chg="del">
          <ac:chgData name="Brecht Nys" userId="8e187b20a541708e" providerId="LiveId" clId="{36D60E53-7AC6-461F-824A-71353C1A5322}" dt="2023-04-07T00:25:47.280" v="76" actId="478"/>
          <ac:spMkLst>
            <pc:docMk/>
            <pc:sldMk cId="3483934314" sldId="821"/>
            <ac:spMk id="565" creationId="{00000000-0000-0000-0000-000000000000}"/>
          </ac:spMkLst>
        </pc:spChg>
        <pc:spChg chg="del">
          <ac:chgData name="Brecht Nys" userId="8e187b20a541708e" providerId="LiveId" clId="{36D60E53-7AC6-461F-824A-71353C1A5322}" dt="2023-04-07T00:25:47.280" v="76" actId="478"/>
          <ac:spMkLst>
            <pc:docMk/>
            <pc:sldMk cId="3483934314" sldId="821"/>
            <ac:spMk id="566" creationId="{00000000-0000-0000-0000-000000000000}"/>
          </ac:spMkLst>
        </pc:spChg>
        <pc:spChg chg="del">
          <ac:chgData name="Brecht Nys" userId="8e187b20a541708e" providerId="LiveId" clId="{36D60E53-7AC6-461F-824A-71353C1A5322}" dt="2023-04-07T00:25:47.280" v="76" actId="478"/>
          <ac:spMkLst>
            <pc:docMk/>
            <pc:sldMk cId="3483934314" sldId="821"/>
            <ac:spMk id="568" creationId="{00000000-0000-0000-0000-000000000000}"/>
          </ac:spMkLst>
        </pc:spChg>
        <pc:spChg chg="del">
          <ac:chgData name="Brecht Nys" userId="8e187b20a541708e" providerId="LiveId" clId="{36D60E53-7AC6-461F-824A-71353C1A5322}" dt="2023-04-07T00:25:47.280" v="76" actId="478"/>
          <ac:spMkLst>
            <pc:docMk/>
            <pc:sldMk cId="3483934314" sldId="821"/>
            <ac:spMk id="569" creationId="{00000000-0000-0000-0000-000000000000}"/>
          </ac:spMkLst>
        </pc:spChg>
        <pc:spChg chg="del">
          <ac:chgData name="Brecht Nys" userId="8e187b20a541708e" providerId="LiveId" clId="{36D60E53-7AC6-461F-824A-71353C1A5322}" dt="2023-04-07T00:25:47.280" v="76" actId="478"/>
          <ac:spMkLst>
            <pc:docMk/>
            <pc:sldMk cId="3483934314" sldId="821"/>
            <ac:spMk id="570" creationId="{00000000-0000-0000-0000-000000000000}"/>
          </ac:spMkLst>
        </pc:spChg>
        <pc:spChg chg="del">
          <ac:chgData name="Brecht Nys" userId="8e187b20a541708e" providerId="LiveId" clId="{36D60E53-7AC6-461F-824A-71353C1A5322}" dt="2023-04-07T00:25:47.280" v="76" actId="478"/>
          <ac:spMkLst>
            <pc:docMk/>
            <pc:sldMk cId="3483934314" sldId="821"/>
            <ac:spMk id="579" creationId="{00000000-0000-0000-0000-000000000000}"/>
          </ac:spMkLst>
        </pc:spChg>
        <pc:spChg chg="del">
          <ac:chgData name="Brecht Nys" userId="8e187b20a541708e" providerId="LiveId" clId="{36D60E53-7AC6-461F-824A-71353C1A5322}" dt="2023-04-07T00:25:47.280" v="76" actId="478"/>
          <ac:spMkLst>
            <pc:docMk/>
            <pc:sldMk cId="3483934314" sldId="821"/>
            <ac:spMk id="580" creationId="{00000000-0000-0000-0000-000000000000}"/>
          </ac:spMkLst>
        </pc:spChg>
        <pc:spChg chg="del">
          <ac:chgData name="Brecht Nys" userId="8e187b20a541708e" providerId="LiveId" clId="{36D60E53-7AC6-461F-824A-71353C1A5322}" dt="2023-04-07T00:25:47.280" v="76" actId="478"/>
          <ac:spMkLst>
            <pc:docMk/>
            <pc:sldMk cId="3483934314" sldId="821"/>
            <ac:spMk id="581" creationId="{00000000-0000-0000-0000-000000000000}"/>
          </ac:spMkLst>
        </pc:spChg>
        <pc:spChg chg="del">
          <ac:chgData name="Brecht Nys" userId="8e187b20a541708e" providerId="LiveId" clId="{36D60E53-7AC6-461F-824A-71353C1A5322}" dt="2023-04-07T00:25:47.280" v="76" actId="478"/>
          <ac:spMkLst>
            <pc:docMk/>
            <pc:sldMk cId="3483934314" sldId="821"/>
            <ac:spMk id="582" creationId="{00000000-0000-0000-0000-000000000000}"/>
          </ac:spMkLst>
        </pc:spChg>
        <pc:spChg chg="del">
          <ac:chgData name="Brecht Nys" userId="8e187b20a541708e" providerId="LiveId" clId="{36D60E53-7AC6-461F-824A-71353C1A5322}" dt="2023-04-07T00:25:47.280" v="76" actId="478"/>
          <ac:spMkLst>
            <pc:docMk/>
            <pc:sldMk cId="3483934314" sldId="821"/>
            <ac:spMk id="583" creationId="{00000000-0000-0000-0000-000000000000}"/>
          </ac:spMkLst>
        </pc:spChg>
        <pc:spChg chg="del">
          <ac:chgData name="Brecht Nys" userId="8e187b20a541708e" providerId="LiveId" clId="{36D60E53-7AC6-461F-824A-71353C1A5322}" dt="2023-04-07T00:25:47.280" v="76" actId="478"/>
          <ac:spMkLst>
            <pc:docMk/>
            <pc:sldMk cId="3483934314" sldId="821"/>
            <ac:spMk id="584" creationId="{00000000-0000-0000-0000-000000000000}"/>
          </ac:spMkLst>
        </pc:spChg>
        <pc:spChg chg="del">
          <ac:chgData name="Brecht Nys" userId="8e187b20a541708e" providerId="LiveId" clId="{36D60E53-7AC6-461F-824A-71353C1A5322}" dt="2023-04-07T00:25:47.280" v="76" actId="478"/>
          <ac:spMkLst>
            <pc:docMk/>
            <pc:sldMk cId="3483934314" sldId="821"/>
            <ac:spMk id="585" creationId="{00000000-0000-0000-0000-000000000000}"/>
          </ac:spMkLst>
        </pc:spChg>
        <pc:spChg chg="del">
          <ac:chgData name="Brecht Nys" userId="8e187b20a541708e" providerId="LiveId" clId="{36D60E53-7AC6-461F-824A-71353C1A5322}" dt="2023-04-07T00:25:47.280" v="76" actId="478"/>
          <ac:spMkLst>
            <pc:docMk/>
            <pc:sldMk cId="3483934314" sldId="821"/>
            <ac:spMk id="586" creationId="{00000000-0000-0000-0000-000000000000}"/>
          </ac:spMkLst>
        </pc:spChg>
        <pc:spChg chg="del">
          <ac:chgData name="Brecht Nys" userId="8e187b20a541708e" providerId="LiveId" clId="{36D60E53-7AC6-461F-824A-71353C1A5322}" dt="2023-04-07T00:25:47.280" v="76" actId="478"/>
          <ac:spMkLst>
            <pc:docMk/>
            <pc:sldMk cId="3483934314" sldId="821"/>
            <ac:spMk id="587" creationId="{00000000-0000-0000-0000-000000000000}"/>
          </ac:spMkLst>
        </pc:spChg>
        <pc:spChg chg="del">
          <ac:chgData name="Brecht Nys" userId="8e187b20a541708e" providerId="LiveId" clId="{36D60E53-7AC6-461F-824A-71353C1A5322}" dt="2023-04-07T00:25:47.280" v="76" actId="478"/>
          <ac:spMkLst>
            <pc:docMk/>
            <pc:sldMk cId="3483934314" sldId="821"/>
            <ac:spMk id="588" creationId="{00000000-0000-0000-0000-000000000000}"/>
          </ac:spMkLst>
        </pc:spChg>
        <pc:spChg chg="del">
          <ac:chgData name="Brecht Nys" userId="8e187b20a541708e" providerId="LiveId" clId="{36D60E53-7AC6-461F-824A-71353C1A5322}" dt="2023-04-07T00:25:47.280" v="76" actId="478"/>
          <ac:spMkLst>
            <pc:docMk/>
            <pc:sldMk cId="3483934314" sldId="821"/>
            <ac:spMk id="589" creationId="{00000000-0000-0000-0000-000000000000}"/>
          </ac:spMkLst>
        </pc:spChg>
        <pc:spChg chg="del">
          <ac:chgData name="Brecht Nys" userId="8e187b20a541708e" providerId="LiveId" clId="{36D60E53-7AC6-461F-824A-71353C1A5322}" dt="2023-04-07T00:25:47.280" v="76" actId="478"/>
          <ac:spMkLst>
            <pc:docMk/>
            <pc:sldMk cId="3483934314" sldId="821"/>
            <ac:spMk id="590" creationId="{00000000-0000-0000-0000-000000000000}"/>
          </ac:spMkLst>
        </pc:spChg>
        <pc:spChg chg="del">
          <ac:chgData name="Brecht Nys" userId="8e187b20a541708e" providerId="LiveId" clId="{36D60E53-7AC6-461F-824A-71353C1A5322}" dt="2023-04-07T00:25:47.280" v="76" actId="478"/>
          <ac:spMkLst>
            <pc:docMk/>
            <pc:sldMk cId="3483934314" sldId="821"/>
            <ac:spMk id="591" creationId="{00000000-0000-0000-0000-000000000000}"/>
          </ac:spMkLst>
        </pc:spChg>
        <pc:spChg chg="del">
          <ac:chgData name="Brecht Nys" userId="8e187b20a541708e" providerId="LiveId" clId="{36D60E53-7AC6-461F-824A-71353C1A5322}" dt="2023-04-07T00:25:47.280" v="76" actId="478"/>
          <ac:spMkLst>
            <pc:docMk/>
            <pc:sldMk cId="3483934314" sldId="821"/>
            <ac:spMk id="592" creationId="{00000000-0000-0000-0000-000000000000}"/>
          </ac:spMkLst>
        </pc:spChg>
        <pc:spChg chg="del">
          <ac:chgData name="Brecht Nys" userId="8e187b20a541708e" providerId="LiveId" clId="{36D60E53-7AC6-461F-824A-71353C1A5322}" dt="2023-04-07T00:25:47.280" v="76" actId="478"/>
          <ac:spMkLst>
            <pc:docMk/>
            <pc:sldMk cId="3483934314" sldId="821"/>
            <ac:spMk id="593" creationId="{00000000-0000-0000-0000-000000000000}"/>
          </ac:spMkLst>
        </pc:spChg>
        <pc:spChg chg="del">
          <ac:chgData name="Brecht Nys" userId="8e187b20a541708e" providerId="LiveId" clId="{36D60E53-7AC6-461F-824A-71353C1A5322}" dt="2023-04-07T00:25:47.280" v="76" actId="478"/>
          <ac:spMkLst>
            <pc:docMk/>
            <pc:sldMk cId="3483934314" sldId="821"/>
            <ac:spMk id="594" creationId="{00000000-0000-0000-0000-000000000000}"/>
          </ac:spMkLst>
        </pc:spChg>
        <pc:grpChg chg="del">
          <ac:chgData name="Brecht Nys" userId="8e187b20a541708e" providerId="LiveId" clId="{36D60E53-7AC6-461F-824A-71353C1A5322}" dt="2023-04-07T00:25:47.280" v="76" actId="478"/>
          <ac:grpSpMkLst>
            <pc:docMk/>
            <pc:sldMk cId="3483934314" sldId="821"/>
            <ac:grpSpMk id="279" creationId="{C23DDF45-90EF-4B3A-A3C7-6146029E5583}"/>
          </ac:grpSpMkLst>
        </pc:grpChg>
        <pc:picChg chg="add del">
          <ac:chgData name="Brecht Nys" userId="8e187b20a541708e" providerId="LiveId" clId="{36D60E53-7AC6-461F-824A-71353C1A5322}" dt="2023-04-07T00:38:05.318" v="202"/>
          <ac:picMkLst>
            <pc:docMk/>
            <pc:sldMk cId="3483934314" sldId="821"/>
            <ac:picMk id="11" creationId="{F17F0FF2-0A8E-0335-13C8-4B9DE09D2F3D}"/>
          </ac:picMkLst>
        </pc:picChg>
        <pc:picChg chg="add mod">
          <ac:chgData name="Brecht Nys" userId="8e187b20a541708e" providerId="LiveId" clId="{36D60E53-7AC6-461F-824A-71353C1A5322}" dt="2023-04-07T01:04:26.656" v="1260" actId="12789"/>
          <ac:picMkLst>
            <pc:docMk/>
            <pc:sldMk cId="3483934314" sldId="821"/>
            <ac:picMk id="13" creationId="{E42525A9-8A87-0030-B929-1964E1BE0E1B}"/>
          </ac:picMkLst>
        </pc:picChg>
        <pc:picChg chg="add mod">
          <ac:chgData name="Brecht Nys" userId="8e187b20a541708e" providerId="LiveId" clId="{36D60E53-7AC6-461F-824A-71353C1A5322}" dt="2023-04-07T01:04:26.656" v="1260" actId="12789"/>
          <ac:picMkLst>
            <pc:docMk/>
            <pc:sldMk cId="3483934314" sldId="821"/>
            <ac:picMk id="20" creationId="{214981DB-E871-049C-E78A-18094843428C}"/>
          </ac:picMkLst>
        </pc:picChg>
        <pc:picChg chg="add mod">
          <ac:chgData name="Brecht Nys" userId="8e187b20a541708e" providerId="LiveId" clId="{36D60E53-7AC6-461F-824A-71353C1A5322}" dt="2023-04-07T01:04:26.656" v="1260" actId="12789"/>
          <ac:picMkLst>
            <pc:docMk/>
            <pc:sldMk cId="3483934314" sldId="821"/>
            <ac:picMk id="21" creationId="{A91BB158-B157-4A2E-4E1A-8F9EDC314196}"/>
          </ac:picMkLst>
        </pc:picChg>
        <pc:picChg chg="add del mod">
          <ac:chgData name="Brecht Nys" userId="8e187b20a541708e" providerId="LiveId" clId="{36D60E53-7AC6-461F-824A-71353C1A5322}" dt="2023-04-07T01:03:47.055" v="1252" actId="478"/>
          <ac:picMkLst>
            <pc:docMk/>
            <pc:sldMk cId="3483934314" sldId="821"/>
            <ac:picMk id="22" creationId="{B44EBC3A-50E4-58B1-0F45-6BDFCCBC62ED}"/>
          </ac:picMkLst>
        </pc:picChg>
        <pc:picChg chg="add mod">
          <ac:chgData name="Brecht Nys" userId="8e187b20a541708e" providerId="LiveId" clId="{36D60E53-7AC6-461F-824A-71353C1A5322}" dt="2023-04-07T01:04:26.656" v="1260" actId="12789"/>
          <ac:picMkLst>
            <pc:docMk/>
            <pc:sldMk cId="3483934314" sldId="821"/>
            <ac:picMk id="24" creationId="{97CFDB34-EFE0-9925-FA6A-D553E5A0816B}"/>
          </ac:picMkLst>
        </pc:picChg>
        <pc:picChg chg="del">
          <ac:chgData name="Brecht Nys" userId="8e187b20a541708e" providerId="LiveId" clId="{36D60E53-7AC6-461F-824A-71353C1A5322}" dt="2023-04-07T00:25:47.280" v="76" actId="478"/>
          <ac:picMkLst>
            <pc:docMk/>
            <pc:sldMk cId="3483934314" sldId="821"/>
            <ac:picMk id="551" creationId="{00000000-0000-0000-0000-000000000000}"/>
          </ac:picMkLst>
        </pc:picChg>
        <pc:picChg chg="del">
          <ac:chgData name="Brecht Nys" userId="8e187b20a541708e" providerId="LiveId" clId="{36D60E53-7AC6-461F-824A-71353C1A5322}" dt="2023-04-07T00:25:47.280" v="76" actId="478"/>
          <ac:picMkLst>
            <pc:docMk/>
            <pc:sldMk cId="3483934314" sldId="821"/>
            <ac:picMk id="553" creationId="{00000000-0000-0000-0000-000000000000}"/>
          </ac:picMkLst>
        </pc:picChg>
        <pc:picChg chg="del">
          <ac:chgData name="Brecht Nys" userId="8e187b20a541708e" providerId="LiveId" clId="{36D60E53-7AC6-461F-824A-71353C1A5322}" dt="2023-04-07T00:25:47.280" v="76" actId="478"/>
          <ac:picMkLst>
            <pc:docMk/>
            <pc:sldMk cId="3483934314" sldId="821"/>
            <ac:picMk id="554" creationId="{00000000-0000-0000-0000-000000000000}"/>
          </ac:picMkLst>
        </pc:picChg>
        <pc:cxnChg chg="del">
          <ac:chgData name="Brecht Nys" userId="8e187b20a541708e" providerId="LiveId" clId="{36D60E53-7AC6-461F-824A-71353C1A5322}" dt="2023-04-07T00:25:47.280" v="76" actId="478"/>
          <ac:cxnSpMkLst>
            <pc:docMk/>
            <pc:sldMk cId="3483934314" sldId="821"/>
            <ac:cxnSpMk id="560"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61"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4"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5"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6"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7"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8" creationId="{00000000-0000-0000-0000-000000000000}"/>
          </ac:cxnSpMkLst>
        </pc:cxnChg>
      </pc:sldChg>
      <pc:sldChg chg="addSp delSp modSp mod">
        <pc:chgData name="Brecht Nys" userId="8e187b20a541708e" providerId="LiveId" clId="{36D60E53-7AC6-461F-824A-71353C1A5322}" dt="2023-04-07T00:54:09.281" v="1111" actId="20577"/>
        <pc:sldMkLst>
          <pc:docMk/>
          <pc:sldMk cId="1777398863" sldId="830"/>
        </pc:sldMkLst>
        <pc:spChg chg="mod">
          <ac:chgData name="Brecht Nys" userId="8e187b20a541708e" providerId="LiveId" clId="{36D60E53-7AC6-461F-824A-71353C1A5322}" dt="2023-04-07T00:15:21.992" v="33" actId="14100"/>
          <ac:spMkLst>
            <pc:docMk/>
            <pc:sldMk cId="1777398863" sldId="830"/>
            <ac:spMk id="6" creationId="{7A7ABC60-E318-4903-BC01-B1CAACC679D3}"/>
          </ac:spMkLst>
        </pc:spChg>
        <pc:spChg chg="mod">
          <ac:chgData name="Brecht Nys" userId="8e187b20a541708e" providerId="LiveId" clId="{36D60E53-7AC6-461F-824A-71353C1A5322}" dt="2023-04-07T00:54:09.281" v="1111" actId="20577"/>
          <ac:spMkLst>
            <pc:docMk/>
            <pc:sldMk cId="1777398863" sldId="830"/>
            <ac:spMk id="8" creationId="{F6464A43-5B80-4854-9FC3-E00F515DC04B}"/>
          </ac:spMkLst>
        </pc:spChg>
        <pc:picChg chg="add mod ord">
          <ac:chgData name="Brecht Nys" userId="8e187b20a541708e" providerId="LiveId" clId="{36D60E53-7AC6-461F-824A-71353C1A5322}" dt="2023-04-07T00:13:33.580" v="13" actId="14100"/>
          <ac:picMkLst>
            <pc:docMk/>
            <pc:sldMk cId="1777398863" sldId="830"/>
            <ac:picMk id="3" creationId="{AE95D994-DD8F-BEA3-20A4-0A0D6414E408}"/>
          </ac:picMkLst>
        </pc:picChg>
        <pc:picChg chg="del">
          <ac:chgData name="Brecht Nys" userId="8e187b20a541708e" providerId="LiveId" clId="{36D60E53-7AC6-461F-824A-71353C1A5322}" dt="2023-04-07T00:12:50.014" v="7" actId="478"/>
          <ac:picMkLst>
            <pc:docMk/>
            <pc:sldMk cId="1777398863" sldId="830"/>
            <ac:picMk id="9" creationId="{0821F026-0BD5-4DE9-BBDB-D17E4B52F070}"/>
          </ac:picMkLst>
        </pc:picChg>
      </pc:sldChg>
      <pc:sldChg chg="delSp del mod">
        <pc:chgData name="Brecht Nys" userId="8e187b20a541708e" providerId="LiveId" clId="{36D60E53-7AC6-461F-824A-71353C1A5322}" dt="2023-04-07T00:24:00.476" v="68" actId="47"/>
        <pc:sldMkLst>
          <pc:docMk/>
          <pc:sldMk cId="815535048" sldId="831"/>
        </pc:sldMkLst>
        <pc:spChg chg="del">
          <ac:chgData name="Brecht Nys" userId="8e187b20a541708e" providerId="LiveId" clId="{36D60E53-7AC6-461F-824A-71353C1A5322}" dt="2023-04-07T00:11:23.022" v="2" actId="478"/>
          <ac:spMkLst>
            <pc:docMk/>
            <pc:sldMk cId="815535048" sldId="831"/>
            <ac:spMk id="6" creationId="{3BEB52CA-C942-4BCC-BE6E-4459164E1E84}"/>
          </ac:spMkLst>
        </pc:spChg>
      </pc:sldChg>
      <pc:sldChg chg="delSp modSp add mod">
        <pc:chgData name="Brecht Nys" userId="8e187b20a541708e" providerId="LiveId" clId="{36D60E53-7AC6-461F-824A-71353C1A5322}" dt="2023-04-09T18:07:25.317" v="5050" actId="20577"/>
        <pc:sldMkLst>
          <pc:docMk/>
          <pc:sldMk cId="3028581465" sldId="831"/>
        </pc:sldMkLst>
        <pc:spChg chg="mod">
          <ac:chgData name="Brecht Nys" userId="8e187b20a541708e" providerId="LiveId" clId="{36D60E53-7AC6-461F-824A-71353C1A5322}" dt="2023-04-07T00:50:47.511" v="1057" actId="20577"/>
          <ac:spMkLst>
            <pc:docMk/>
            <pc:sldMk cId="3028581465" sldId="831"/>
            <ac:spMk id="2" creationId="{00000000-0000-0000-0000-000000000000}"/>
          </ac:spMkLst>
        </pc:spChg>
        <pc:spChg chg="del mod">
          <ac:chgData name="Brecht Nys" userId="8e187b20a541708e" providerId="LiveId" clId="{36D60E53-7AC6-461F-824A-71353C1A5322}" dt="2023-04-07T00:51:10.501" v="1066" actId="478"/>
          <ac:spMkLst>
            <pc:docMk/>
            <pc:sldMk cId="3028581465" sldId="831"/>
            <ac:spMk id="3" creationId="{907196DC-5EE3-6096-0D3D-0036808A5DE5}"/>
          </ac:spMkLst>
        </pc:spChg>
        <pc:spChg chg="del">
          <ac:chgData name="Brecht Nys" userId="8e187b20a541708e" providerId="LiveId" clId="{36D60E53-7AC6-461F-824A-71353C1A5322}" dt="2023-04-07T00:50:50.775" v="1058" actId="478"/>
          <ac:spMkLst>
            <pc:docMk/>
            <pc:sldMk cId="3028581465" sldId="831"/>
            <ac:spMk id="6" creationId="{EA9D07E0-A5C6-86C9-3B2A-69EA97E6B596}"/>
          </ac:spMkLst>
        </pc:spChg>
        <pc:spChg chg="del">
          <ac:chgData name="Brecht Nys" userId="8e187b20a541708e" providerId="LiveId" clId="{36D60E53-7AC6-461F-824A-71353C1A5322}" dt="2023-04-07T00:50:50.775" v="1058" actId="478"/>
          <ac:spMkLst>
            <pc:docMk/>
            <pc:sldMk cId="3028581465" sldId="831"/>
            <ac:spMk id="7" creationId="{3B86108A-7AF6-C128-3538-E3129D1F76F6}"/>
          </ac:spMkLst>
        </pc:spChg>
        <pc:spChg chg="del">
          <ac:chgData name="Brecht Nys" userId="8e187b20a541708e" providerId="LiveId" clId="{36D60E53-7AC6-461F-824A-71353C1A5322}" dt="2023-04-07T00:50:50.775" v="1058" actId="478"/>
          <ac:spMkLst>
            <pc:docMk/>
            <pc:sldMk cId="3028581465" sldId="831"/>
            <ac:spMk id="8" creationId="{7C259A82-2B28-B7A5-116E-6429B8DC1E00}"/>
          </ac:spMkLst>
        </pc:spChg>
        <pc:spChg chg="del mod">
          <ac:chgData name="Brecht Nys" userId="8e187b20a541708e" providerId="LiveId" clId="{36D60E53-7AC6-461F-824A-71353C1A5322}" dt="2023-04-07T00:51:12.653" v="1067" actId="478"/>
          <ac:spMkLst>
            <pc:docMk/>
            <pc:sldMk cId="3028581465" sldId="831"/>
            <ac:spMk id="9" creationId="{98A78A18-825E-C595-B308-29F28B0C2017}"/>
          </ac:spMkLst>
        </pc:spChg>
        <pc:spChg chg="mod">
          <ac:chgData name="Brecht Nys" userId="8e187b20a541708e" providerId="LiveId" clId="{36D60E53-7AC6-461F-824A-71353C1A5322}" dt="2023-04-09T18:07:25.317" v="5050" actId="20577"/>
          <ac:spMkLst>
            <pc:docMk/>
            <pc:sldMk cId="3028581465" sldId="831"/>
            <ac:spMk id="10" creationId="{69C24F2A-80FB-A4C8-4845-7634C6D7F389}"/>
          </ac:spMkLst>
        </pc:spChg>
        <pc:spChg chg="del">
          <ac:chgData name="Brecht Nys" userId="8e187b20a541708e" providerId="LiveId" clId="{36D60E53-7AC6-461F-824A-71353C1A5322}" dt="2023-04-07T00:50:50.775" v="1058" actId="478"/>
          <ac:spMkLst>
            <pc:docMk/>
            <pc:sldMk cId="3028581465" sldId="831"/>
            <ac:spMk id="14" creationId="{DCB9BDD5-A700-4E32-2871-F20697599D28}"/>
          </ac:spMkLst>
        </pc:spChg>
        <pc:spChg chg="del">
          <ac:chgData name="Brecht Nys" userId="8e187b20a541708e" providerId="LiveId" clId="{36D60E53-7AC6-461F-824A-71353C1A5322}" dt="2023-04-07T00:50:50.775" v="1058" actId="478"/>
          <ac:spMkLst>
            <pc:docMk/>
            <pc:sldMk cId="3028581465" sldId="831"/>
            <ac:spMk id="15" creationId="{13B68796-0446-361E-2749-848866C53D7E}"/>
          </ac:spMkLst>
        </pc:spChg>
        <pc:spChg chg="del">
          <ac:chgData name="Brecht Nys" userId="8e187b20a541708e" providerId="LiveId" clId="{36D60E53-7AC6-461F-824A-71353C1A5322}" dt="2023-04-07T00:50:50.775" v="1058" actId="478"/>
          <ac:spMkLst>
            <pc:docMk/>
            <pc:sldMk cId="3028581465" sldId="831"/>
            <ac:spMk id="16" creationId="{6636AB43-34F2-5A6F-CCC1-352568226909}"/>
          </ac:spMkLst>
        </pc:spChg>
        <pc:spChg chg="del">
          <ac:chgData name="Brecht Nys" userId="8e187b20a541708e" providerId="LiveId" clId="{36D60E53-7AC6-461F-824A-71353C1A5322}" dt="2023-04-07T00:50:50.775" v="1058" actId="478"/>
          <ac:spMkLst>
            <pc:docMk/>
            <pc:sldMk cId="3028581465" sldId="831"/>
            <ac:spMk id="17" creationId="{76FB6254-5555-D084-7C16-D7ED2802050A}"/>
          </ac:spMkLst>
        </pc:spChg>
        <pc:spChg chg="del">
          <ac:chgData name="Brecht Nys" userId="8e187b20a541708e" providerId="LiveId" clId="{36D60E53-7AC6-461F-824A-71353C1A5322}" dt="2023-04-07T00:50:50.775" v="1058" actId="478"/>
          <ac:spMkLst>
            <pc:docMk/>
            <pc:sldMk cId="3028581465" sldId="831"/>
            <ac:spMk id="18" creationId="{CE08E418-6377-B2AF-7447-B8BCFA277450}"/>
          </ac:spMkLst>
        </pc:spChg>
        <pc:spChg chg="del">
          <ac:chgData name="Brecht Nys" userId="8e187b20a541708e" providerId="LiveId" clId="{36D60E53-7AC6-461F-824A-71353C1A5322}" dt="2023-04-07T00:50:50.775" v="1058" actId="478"/>
          <ac:spMkLst>
            <pc:docMk/>
            <pc:sldMk cId="3028581465" sldId="831"/>
            <ac:spMk id="19" creationId="{4A5C37BD-0855-3F66-8F29-24140BB80B28}"/>
          </ac:spMkLst>
        </pc:spChg>
        <pc:picChg chg="mod">
          <ac:chgData name="Brecht Nys" userId="8e187b20a541708e" providerId="LiveId" clId="{36D60E53-7AC6-461F-824A-71353C1A5322}" dt="2023-04-07T00:51:08.583" v="1065" actId="1076"/>
          <ac:picMkLst>
            <pc:docMk/>
            <pc:sldMk cId="3028581465" sldId="831"/>
            <ac:picMk id="13" creationId="{E42525A9-8A87-0030-B929-1964E1BE0E1B}"/>
          </ac:picMkLst>
        </pc:picChg>
        <pc:picChg chg="del">
          <ac:chgData name="Brecht Nys" userId="8e187b20a541708e" providerId="LiveId" clId="{36D60E53-7AC6-461F-824A-71353C1A5322}" dt="2023-04-07T00:50:50.775" v="1058" actId="478"/>
          <ac:picMkLst>
            <pc:docMk/>
            <pc:sldMk cId="3028581465" sldId="831"/>
            <ac:picMk id="20" creationId="{214981DB-E871-049C-E78A-18094843428C}"/>
          </ac:picMkLst>
        </pc:picChg>
        <pc:picChg chg="del">
          <ac:chgData name="Brecht Nys" userId="8e187b20a541708e" providerId="LiveId" clId="{36D60E53-7AC6-461F-824A-71353C1A5322}" dt="2023-04-07T00:50:50.775" v="1058" actId="478"/>
          <ac:picMkLst>
            <pc:docMk/>
            <pc:sldMk cId="3028581465" sldId="831"/>
            <ac:picMk id="21" creationId="{A91BB158-B157-4A2E-4E1A-8F9EDC314196}"/>
          </ac:picMkLst>
        </pc:picChg>
        <pc:picChg chg="del">
          <ac:chgData name="Brecht Nys" userId="8e187b20a541708e" providerId="LiveId" clId="{36D60E53-7AC6-461F-824A-71353C1A5322}" dt="2023-04-07T00:50:50.775" v="1058" actId="478"/>
          <ac:picMkLst>
            <pc:docMk/>
            <pc:sldMk cId="3028581465" sldId="831"/>
            <ac:picMk id="22" creationId="{B44EBC3A-50E4-58B1-0F45-6BDFCCBC62ED}"/>
          </ac:picMkLst>
        </pc:picChg>
      </pc:sldChg>
      <pc:sldChg chg="addSp delSp modSp add mod">
        <pc:chgData name="Brecht Nys" userId="8e187b20a541708e" providerId="LiveId" clId="{36D60E53-7AC6-461F-824A-71353C1A5322}" dt="2023-04-09T18:07:38.308" v="5077" actId="1038"/>
        <pc:sldMkLst>
          <pc:docMk/>
          <pc:sldMk cId="1481987114" sldId="832"/>
        </pc:sldMkLst>
        <pc:spChg chg="mod">
          <ac:chgData name="Brecht Nys" userId="8e187b20a541708e" providerId="LiveId" clId="{36D60E53-7AC6-461F-824A-71353C1A5322}" dt="2023-04-07T00:51:46.837" v="1080"/>
          <ac:spMkLst>
            <pc:docMk/>
            <pc:sldMk cId="1481987114" sldId="832"/>
            <ac:spMk id="2" creationId="{00000000-0000-0000-0000-000000000000}"/>
          </ac:spMkLst>
        </pc:spChg>
        <pc:spChg chg="mod">
          <ac:chgData name="Brecht Nys" userId="8e187b20a541708e" providerId="LiveId" clId="{36D60E53-7AC6-461F-824A-71353C1A5322}" dt="2023-04-09T18:07:35.148" v="5066" actId="20577"/>
          <ac:spMkLst>
            <pc:docMk/>
            <pc:sldMk cId="1481987114" sldId="832"/>
            <ac:spMk id="10" creationId="{69C24F2A-80FB-A4C8-4845-7634C6D7F389}"/>
          </ac:spMkLst>
        </pc:spChg>
        <pc:picChg chg="add del mod">
          <ac:chgData name="Brecht Nys" userId="8e187b20a541708e" providerId="LiveId" clId="{36D60E53-7AC6-461F-824A-71353C1A5322}" dt="2023-04-07T01:04:36.194" v="1262" actId="478"/>
          <ac:picMkLst>
            <pc:docMk/>
            <pc:sldMk cId="1481987114" sldId="832"/>
            <ac:picMk id="3" creationId="{08B588F8-3A95-CD4B-DA4E-D85A6DD8F3E0}"/>
          </ac:picMkLst>
        </pc:picChg>
        <pc:picChg chg="add mod">
          <ac:chgData name="Brecht Nys" userId="8e187b20a541708e" providerId="LiveId" clId="{36D60E53-7AC6-461F-824A-71353C1A5322}" dt="2023-04-09T18:07:38.308" v="5077" actId="1038"/>
          <ac:picMkLst>
            <pc:docMk/>
            <pc:sldMk cId="1481987114" sldId="832"/>
            <ac:picMk id="4" creationId="{CFF355B1-4A95-EED8-2227-5CCA777D442A}"/>
          </ac:picMkLst>
        </pc:picChg>
        <pc:picChg chg="del">
          <ac:chgData name="Brecht Nys" userId="8e187b20a541708e" providerId="LiveId" clId="{36D60E53-7AC6-461F-824A-71353C1A5322}" dt="2023-04-07T00:51:59.495" v="1083" actId="478"/>
          <ac:picMkLst>
            <pc:docMk/>
            <pc:sldMk cId="1481987114" sldId="832"/>
            <ac:picMk id="13" creationId="{E42525A9-8A87-0030-B929-1964E1BE0E1B}"/>
          </ac:picMkLst>
        </pc:picChg>
      </pc:sldChg>
      <pc:sldChg chg="addSp delSp modSp add del mod">
        <pc:chgData name="Brecht Nys" userId="8e187b20a541708e" providerId="LiveId" clId="{36D60E53-7AC6-461F-824A-71353C1A5322}" dt="2023-04-09T16:46:59.580" v="3112" actId="47"/>
        <pc:sldMkLst>
          <pc:docMk/>
          <pc:sldMk cId="801080244" sldId="833"/>
        </pc:sldMkLst>
        <pc:spChg chg="mod">
          <ac:chgData name="Brecht Nys" userId="8e187b20a541708e" providerId="LiveId" clId="{36D60E53-7AC6-461F-824A-71353C1A5322}" dt="2023-04-07T00:52:25.860" v="1087"/>
          <ac:spMkLst>
            <pc:docMk/>
            <pc:sldMk cId="801080244" sldId="833"/>
            <ac:spMk id="2" creationId="{00000000-0000-0000-0000-000000000000}"/>
          </ac:spMkLst>
        </pc:spChg>
        <pc:spChg chg="add mod">
          <ac:chgData name="Brecht Nys" userId="8e187b20a541708e" providerId="LiveId" clId="{36D60E53-7AC6-461F-824A-71353C1A5322}" dt="2023-04-07T01:33:48.147" v="2009" actId="14100"/>
          <ac:spMkLst>
            <pc:docMk/>
            <pc:sldMk cId="801080244" sldId="833"/>
            <ac:spMk id="3" creationId="{F8DE80A3-CBC1-B61B-DF0B-A9CB537D6AE8}"/>
          </ac:spMkLst>
        </pc:spChg>
        <pc:spChg chg="add mod">
          <ac:chgData name="Brecht Nys" userId="8e187b20a541708e" providerId="LiveId" clId="{36D60E53-7AC6-461F-824A-71353C1A5322}" dt="2023-04-07T01:33:54.697" v="2011" actId="14100"/>
          <ac:spMkLst>
            <pc:docMk/>
            <pc:sldMk cId="801080244" sldId="833"/>
            <ac:spMk id="5" creationId="{A84829F8-DE25-27BC-F8BB-3EBA88B861E8}"/>
          </ac:spMkLst>
        </pc:spChg>
        <pc:spChg chg="add mod">
          <ac:chgData name="Brecht Nys" userId="8e187b20a541708e" providerId="LiveId" clId="{36D60E53-7AC6-461F-824A-71353C1A5322}" dt="2023-04-07T01:34:16.184" v="2020" actId="14100"/>
          <ac:spMkLst>
            <pc:docMk/>
            <pc:sldMk cId="801080244" sldId="833"/>
            <ac:spMk id="6" creationId="{AE00C083-B1DF-7EA2-A28B-BE6440888B11}"/>
          </ac:spMkLst>
        </pc:spChg>
        <pc:spChg chg="add mod">
          <ac:chgData name="Brecht Nys" userId="8e187b20a541708e" providerId="LiveId" clId="{36D60E53-7AC6-461F-824A-71353C1A5322}" dt="2023-04-07T01:37:16.924" v="2175" actId="1035"/>
          <ac:spMkLst>
            <pc:docMk/>
            <pc:sldMk cId="801080244" sldId="833"/>
            <ac:spMk id="7" creationId="{B3B568C5-3AD6-87C8-97FE-BC4297924F8A}"/>
          </ac:spMkLst>
        </pc:spChg>
        <pc:spChg chg="add mod">
          <ac:chgData name="Brecht Nys" userId="8e187b20a541708e" providerId="LiveId" clId="{36D60E53-7AC6-461F-824A-71353C1A5322}" dt="2023-04-07T01:33:52.114" v="2010" actId="14100"/>
          <ac:spMkLst>
            <pc:docMk/>
            <pc:sldMk cId="801080244" sldId="833"/>
            <ac:spMk id="8" creationId="{2FD2F3FB-C38D-90F5-7193-235609ED9EBA}"/>
          </ac:spMkLst>
        </pc:spChg>
        <pc:spChg chg="mod">
          <ac:chgData name="Brecht Nys" userId="8e187b20a541708e" providerId="LiveId" clId="{36D60E53-7AC6-461F-824A-71353C1A5322}" dt="2023-04-09T16:18:35.782" v="2207" actId="20577"/>
          <ac:spMkLst>
            <pc:docMk/>
            <pc:sldMk cId="801080244" sldId="833"/>
            <ac:spMk id="10" creationId="{69C24F2A-80FB-A4C8-4845-7634C6D7F389}"/>
          </ac:spMkLst>
        </pc:spChg>
        <pc:spChg chg="add mod">
          <ac:chgData name="Brecht Nys" userId="8e187b20a541708e" providerId="LiveId" clId="{36D60E53-7AC6-461F-824A-71353C1A5322}" dt="2023-04-07T01:37:10.437" v="2173" actId="1036"/>
          <ac:spMkLst>
            <pc:docMk/>
            <pc:sldMk cId="801080244" sldId="833"/>
            <ac:spMk id="22" creationId="{A8C35B07-69C2-2599-F2A3-AA9560B7C39B}"/>
          </ac:spMkLst>
        </pc:spChg>
        <pc:spChg chg="add mod">
          <ac:chgData name="Brecht Nys" userId="8e187b20a541708e" providerId="LiveId" clId="{36D60E53-7AC6-461F-824A-71353C1A5322}" dt="2023-04-07T01:37:06.480" v="2169" actId="1036"/>
          <ac:spMkLst>
            <pc:docMk/>
            <pc:sldMk cId="801080244" sldId="833"/>
            <ac:spMk id="23" creationId="{E69BD72F-055B-E064-AF2F-B25606B8789A}"/>
          </ac:spMkLst>
        </pc:spChg>
        <pc:picChg chg="del">
          <ac:chgData name="Brecht Nys" userId="8e187b20a541708e" providerId="LiveId" clId="{36D60E53-7AC6-461F-824A-71353C1A5322}" dt="2023-04-07T00:52:51.605" v="1093" actId="478"/>
          <ac:picMkLst>
            <pc:docMk/>
            <pc:sldMk cId="801080244" sldId="833"/>
            <ac:picMk id="3" creationId="{08B588F8-3A95-CD4B-DA4E-D85A6DD8F3E0}"/>
          </ac:picMkLst>
        </pc:picChg>
        <pc:picChg chg="add mod">
          <ac:chgData name="Brecht Nys" userId="8e187b20a541708e" providerId="LiveId" clId="{36D60E53-7AC6-461F-824A-71353C1A5322}" dt="2023-04-07T01:10:51.601" v="1299" actId="1038"/>
          <ac:picMkLst>
            <pc:docMk/>
            <pc:sldMk cId="801080244" sldId="833"/>
            <ac:picMk id="4" creationId="{BBD01265-22C2-D44C-6CFD-21EC775D8082}"/>
          </ac:picMkLst>
        </pc:picChg>
        <pc:picChg chg="add mod">
          <ac:chgData name="Brecht Nys" userId="8e187b20a541708e" providerId="LiveId" clId="{36D60E53-7AC6-461F-824A-71353C1A5322}" dt="2023-04-07T01:36:10.587" v="2131" actId="14100"/>
          <ac:picMkLst>
            <pc:docMk/>
            <pc:sldMk cId="801080244" sldId="833"/>
            <ac:picMk id="11" creationId="{0C6E65F2-F6D9-3EAC-CD0D-58EEE2390A93}"/>
          </ac:picMkLst>
        </pc:picChg>
        <pc:picChg chg="add mod">
          <ac:chgData name="Brecht Nys" userId="8e187b20a541708e" providerId="LiveId" clId="{36D60E53-7AC6-461F-824A-71353C1A5322}" dt="2023-04-07T01:36:10.587" v="2131" actId="14100"/>
          <ac:picMkLst>
            <pc:docMk/>
            <pc:sldMk cId="801080244" sldId="833"/>
            <ac:picMk id="13" creationId="{0A78E78E-6180-432F-B041-9715EA376147}"/>
          </ac:picMkLst>
        </pc:picChg>
        <pc:picChg chg="add del">
          <ac:chgData name="Brecht Nys" userId="8e187b20a541708e" providerId="LiveId" clId="{36D60E53-7AC6-461F-824A-71353C1A5322}" dt="2023-04-07T01:32:11.940" v="1985" actId="22"/>
          <ac:picMkLst>
            <pc:docMk/>
            <pc:sldMk cId="801080244" sldId="833"/>
            <ac:picMk id="15" creationId="{9DE86626-9BBF-0639-2FBD-18F404E26030}"/>
          </ac:picMkLst>
        </pc:picChg>
        <pc:picChg chg="add mod">
          <ac:chgData name="Brecht Nys" userId="8e187b20a541708e" providerId="LiveId" clId="{36D60E53-7AC6-461F-824A-71353C1A5322}" dt="2023-04-07T01:37:00.853" v="2163" actId="1036"/>
          <ac:picMkLst>
            <pc:docMk/>
            <pc:sldMk cId="801080244" sldId="833"/>
            <ac:picMk id="17" creationId="{5359AB4E-ADB2-2FDD-B262-CB7F005464E9}"/>
          </ac:picMkLst>
        </pc:picChg>
        <pc:picChg chg="add mod">
          <ac:chgData name="Brecht Nys" userId="8e187b20a541708e" providerId="LiveId" clId="{36D60E53-7AC6-461F-824A-71353C1A5322}" dt="2023-04-07T01:37:00.853" v="2163" actId="1036"/>
          <ac:picMkLst>
            <pc:docMk/>
            <pc:sldMk cId="801080244" sldId="833"/>
            <ac:picMk id="19" creationId="{9644CC49-0FDB-75B7-4409-820B3467C0F6}"/>
          </ac:picMkLst>
        </pc:picChg>
        <pc:picChg chg="add mod">
          <ac:chgData name="Brecht Nys" userId="8e187b20a541708e" providerId="LiveId" clId="{36D60E53-7AC6-461F-824A-71353C1A5322}" dt="2023-04-07T01:37:00.853" v="2163" actId="1036"/>
          <ac:picMkLst>
            <pc:docMk/>
            <pc:sldMk cId="801080244" sldId="833"/>
            <ac:picMk id="21" creationId="{AA6889D7-6FF6-0EC9-1280-4F9A29D9EBA0}"/>
          </ac:picMkLst>
        </pc:picChg>
      </pc:sldChg>
      <pc:sldChg chg="addSp delSp modSp add mod">
        <pc:chgData name="Brecht Nys" userId="8e187b20a541708e" providerId="LiveId" clId="{36D60E53-7AC6-461F-824A-71353C1A5322}" dt="2023-04-07T01:03:11.299" v="1230" actId="403"/>
        <pc:sldMkLst>
          <pc:docMk/>
          <pc:sldMk cId="1984546389" sldId="834"/>
        </pc:sldMkLst>
        <pc:spChg chg="mod">
          <ac:chgData name="Brecht Nys" userId="8e187b20a541708e" providerId="LiveId" clId="{36D60E53-7AC6-461F-824A-71353C1A5322}" dt="2023-04-07T00:53:10.853" v="1096"/>
          <ac:spMkLst>
            <pc:docMk/>
            <pc:sldMk cId="1984546389" sldId="834"/>
            <ac:spMk id="2" creationId="{00000000-0000-0000-0000-000000000000}"/>
          </ac:spMkLst>
        </pc:spChg>
        <pc:spChg chg="mod">
          <ac:chgData name="Brecht Nys" userId="8e187b20a541708e" providerId="LiveId" clId="{36D60E53-7AC6-461F-824A-71353C1A5322}" dt="2023-04-07T01:03:11.299" v="1230" actId="403"/>
          <ac:spMkLst>
            <pc:docMk/>
            <pc:sldMk cId="1984546389" sldId="834"/>
            <ac:spMk id="10" creationId="{69C24F2A-80FB-A4C8-4845-7634C6D7F389}"/>
          </ac:spMkLst>
        </pc:spChg>
        <pc:picChg chg="add mod">
          <ac:chgData name="Brecht Nys" userId="8e187b20a541708e" providerId="LiveId" clId="{36D60E53-7AC6-461F-824A-71353C1A5322}" dt="2023-04-07T00:53:46.551" v="1103" actId="1076"/>
          <ac:picMkLst>
            <pc:docMk/>
            <pc:sldMk cId="1984546389" sldId="834"/>
            <ac:picMk id="3" creationId="{73A3DB8B-0020-5156-CD99-AD79435AA86A}"/>
          </ac:picMkLst>
        </pc:picChg>
        <pc:picChg chg="del">
          <ac:chgData name="Brecht Nys" userId="8e187b20a541708e" providerId="LiveId" clId="{36D60E53-7AC6-461F-824A-71353C1A5322}" dt="2023-04-07T00:53:44.207" v="1102" actId="478"/>
          <ac:picMkLst>
            <pc:docMk/>
            <pc:sldMk cId="1984546389" sldId="834"/>
            <ac:picMk id="4" creationId="{BBD01265-22C2-D44C-6CFD-21EC775D8082}"/>
          </ac:picMkLst>
        </pc:picChg>
      </pc:sldChg>
      <pc:sldChg chg="addSp delSp modSp add mod">
        <pc:chgData name="Brecht Nys" userId="8e187b20a541708e" providerId="LiveId" clId="{36D60E53-7AC6-461F-824A-71353C1A5322}" dt="2023-04-09T18:08:25.984" v="5085" actId="20577"/>
        <pc:sldMkLst>
          <pc:docMk/>
          <pc:sldMk cId="1573580644" sldId="835"/>
        </pc:sldMkLst>
        <pc:spChg chg="del mod">
          <ac:chgData name="Brecht Nys" userId="8e187b20a541708e" providerId="LiveId" clId="{36D60E53-7AC6-461F-824A-71353C1A5322}" dt="2023-04-09T16:27:48.800" v="2262" actId="478"/>
          <ac:spMkLst>
            <pc:docMk/>
            <pc:sldMk cId="1573580644" sldId="835"/>
            <ac:spMk id="3" creationId="{F8DE80A3-CBC1-B61B-DF0B-A9CB537D6AE8}"/>
          </ac:spMkLst>
        </pc:spChg>
        <pc:spChg chg="del">
          <ac:chgData name="Brecht Nys" userId="8e187b20a541708e" providerId="LiveId" clId="{36D60E53-7AC6-461F-824A-71353C1A5322}" dt="2023-04-09T16:23:15.084" v="2210" actId="478"/>
          <ac:spMkLst>
            <pc:docMk/>
            <pc:sldMk cId="1573580644" sldId="835"/>
            <ac:spMk id="5" creationId="{A84829F8-DE25-27BC-F8BB-3EBA88B861E8}"/>
          </ac:spMkLst>
        </pc:spChg>
        <pc:spChg chg="del">
          <ac:chgData name="Brecht Nys" userId="8e187b20a541708e" providerId="LiveId" clId="{36D60E53-7AC6-461F-824A-71353C1A5322}" dt="2023-04-09T16:23:12.831" v="2209" actId="478"/>
          <ac:spMkLst>
            <pc:docMk/>
            <pc:sldMk cId="1573580644" sldId="835"/>
            <ac:spMk id="6" creationId="{AE00C083-B1DF-7EA2-A28B-BE6440888B11}"/>
          </ac:spMkLst>
        </pc:spChg>
        <pc:spChg chg="mod">
          <ac:chgData name="Brecht Nys" userId="8e187b20a541708e" providerId="LiveId" clId="{36D60E53-7AC6-461F-824A-71353C1A5322}" dt="2023-04-09T18:08:25.984" v="5085" actId="20577"/>
          <ac:spMkLst>
            <pc:docMk/>
            <pc:sldMk cId="1573580644" sldId="835"/>
            <ac:spMk id="7" creationId="{B3B568C5-3AD6-87C8-97FE-BC4297924F8A}"/>
          </ac:spMkLst>
        </pc:spChg>
        <pc:spChg chg="del">
          <ac:chgData name="Brecht Nys" userId="8e187b20a541708e" providerId="LiveId" clId="{36D60E53-7AC6-461F-824A-71353C1A5322}" dt="2023-04-09T16:23:16.758" v="2211" actId="478"/>
          <ac:spMkLst>
            <pc:docMk/>
            <pc:sldMk cId="1573580644" sldId="835"/>
            <ac:spMk id="8" creationId="{2FD2F3FB-C38D-90F5-7193-235609ED9EBA}"/>
          </ac:spMkLst>
        </pc:spChg>
        <pc:spChg chg="add del mod">
          <ac:chgData name="Brecht Nys" userId="8e187b20a541708e" providerId="LiveId" clId="{36D60E53-7AC6-461F-824A-71353C1A5322}" dt="2023-04-09T16:27:35.331" v="2257" actId="478"/>
          <ac:spMkLst>
            <pc:docMk/>
            <pc:sldMk cId="1573580644" sldId="835"/>
            <ac:spMk id="9" creationId="{F944A148-A759-DA42-4175-167214F76510}"/>
          </ac:spMkLst>
        </pc:spChg>
        <pc:spChg chg="add del mod">
          <ac:chgData name="Brecht Nys" userId="8e187b20a541708e" providerId="LiveId" clId="{36D60E53-7AC6-461F-824A-71353C1A5322}" dt="2023-04-09T16:27:37.645" v="2258" actId="478"/>
          <ac:spMkLst>
            <pc:docMk/>
            <pc:sldMk cId="1573580644" sldId="835"/>
            <ac:spMk id="12" creationId="{9E2CD10F-F8B9-CCF5-DE09-DFCFC989016D}"/>
          </ac:spMkLst>
        </pc:spChg>
        <pc:spChg chg="del">
          <ac:chgData name="Brecht Nys" userId="8e187b20a541708e" providerId="LiveId" clId="{36D60E53-7AC6-461F-824A-71353C1A5322}" dt="2023-04-09T16:23:12.831" v="2209" actId="478"/>
          <ac:spMkLst>
            <pc:docMk/>
            <pc:sldMk cId="1573580644" sldId="835"/>
            <ac:spMk id="22" creationId="{A8C35B07-69C2-2599-F2A3-AA9560B7C39B}"/>
          </ac:spMkLst>
        </pc:spChg>
        <pc:spChg chg="del">
          <ac:chgData name="Brecht Nys" userId="8e187b20a541708e" providerId="LiveId" clId="{36D60E53-7AC6-461F-824A-71353C1A5322}" dt="2023-04-09T16:23:12.831" v="2209" actId="478"/>
          <ac:spMkLst>
            <pc:docMk/>
            <pc:sldMk cId="1573580644" sldId="835"/>
            <ac:spMk id="23" creationId="{E69BD72F-055B-E064-AF2F-B25606B8789A}"/>
          </ac:spMkLst>
        </pc:spChg>
        <pc:picChg chg="del">
          <ac:chgData name="Brecht Nys" userId="8e187b20a541708e" providerId="LiveId" clId="{36D60E53-7AC6-461F-824A-71353C1A5322}" dt="2023-04-09T16:23:12.831" v="2209" actId="478"/>
          <ac:picMkLst>
            <pc:docMk/>
            <pc:sldMk cId="1573580644" sldId="835"/>
            <ac:picMk id="11" creationId="{0C6E65F2-F6D9-3EAC-CD0D-58EEE2390A93}"/>
          </ac:picMkLst>
        </pc:picChg>
        <pc:picChg chg="del">
          <ac:chgData name="Brecht Nys" userId="8e187b20a541708e" providerId="LiveId" clId="{36D60E53-7AC6-461F-824A-71353C1A5322}" dt="2023-04-09T16:23:12.831" v="2209" actId="478"/>
          <ac:picMkLst>
            <pc:docMk/>
            <pc:sldMk cId="1573580644" sldId="835"/>
            <ac:picMk id="13" creationId="{0A78E78E-6180-432F-B041-9715EA376147}"/>
          </ac:picMkLst>
        </pc:picChg>
        <pc:picChg chg="del">
          <ac:chgData name="Brecht Nys" userId="8e187b20a541708e" providerId="LiveId" clId="{36D60E53-7AC6-461F-824A-71353C1A5322}" dt="2023-04-09T16:23:12.831" v="2209" actId="478"/>
          <ac:picMkLst>
            <pc:docMk/>
            <pc:sldMk cId="1573580644" sldId="835"/>
            <ac:picMk id="17" creationId="{5359AB4E-ADB2-2FDD-B262-CB7F005464E9}"/>
          </ac:picMkLst>
        </pc:picChg>
        <pc:picChg chg="del">
          <ac:chgData name="Brecht Nys" userId="8e187b20a541708e" providerId="LiveId" clId="{36D60E53-7AC6-461F-824A-71353C1A5322}" dt="2023-04-09T16:23:12.831" v="2209" actId="478"/>
          <ac:picMkLst>
            <pc:docMk/>
            <pc:sldMk cId="1573580644" sldId="835"/>
            <ac:picMk id="19" creationId="{9644CC49-0FDB-75B7-4409-820B3467C0F6}"/>
          </ac:picMkLst>
        </pc:picChg>
        <pc:picChg chg="del">
          <ac:chgData name="Brecht Nys" userId="8e187b20a541708e" providerId="LiveId" clId="{36D60E53-7AC6-461F-824A-71353C1A5322}" dt="2023-04-09T16:23:12.831" v="2209" actId="478"/>
          <ac:picMkLst>
            <pc:docMk/>
            <pc:sldMk cId="1573580644" sldId="835"/>
            <ac:picMk id="21" creationId="{AA6889D7-6FF6-0EC9-1280-4F9A29D9EBA0}"/>
          </ac:picMkLst>
        </pc:picChg>
      </pc:sldChg>
      <pc:sldChg chg="delSp modSp add del mod">
        <pc:chgData name="Brecht Nys" userId="8e187b20a541708e" providerId="LiveId" clId="{36D60E53-7AC6-461F-824A-71353C1A5322}" dt="2023-04-07T01:31:50.723" v="1983" actId="47"/>
        <pc:sldMkLst>
          <pc:docMk/>
          <pc:sldMk cId="2619478041" sldId="835"/>
        </pc:sldMkLst>
        <pc:spChg chg="mod">
          <ac:chgData name="Brecht Nys" userId="8e187b20a541708e" providerId="LiveId" clId="{36D60E53-7AC6-461F-824A-71353C1A5322}" dt="2023-04-07T01:31:07.694" v="1973" actId="14100"/>
          <ac:spMkLst>
            <pc:docMk/>
            <pc:sldMk cId="2619478041" sldId="835"/>
            <ac:spMk id="3" creationId="{F8DE80A3-CBC1-B61B-DF0B-A9CB537D6AE8}"/>
          </ac:spMkLst>
        </pc:spChg>
        <pc:spChg chg="del">
          <ac:chgData name="Brecht Nys" userId="8e187b20a541708e" providerId="LiveId" clId="{36D60E53-7AC6-461F-824A-71353C1A5322}" dt="2023-04-07T01:30:58.317" v="1970" actId="478"/>
          <ac:spMkLst>
            <pc:docMk/>
            <pc:sldMk cId="2619478041" sldId="835"/>
            <ac:spMk id="5" creationId="{A84829F8-DE25-27BC-F8BB-3EBA88B861E8}"/>
          </ac:spMkLst>
        </pc:spChg>
        <pc:spChg chg="mod">
          <ac:chgData name="Brecht Nys" userId="8e187b20a541708e" providerId="LiveId" clId="{36D60E53-7AC6-461F-824A-71353C1A5322}" dt="2023-04-07T01:31:19.405" v="1975" actId="14100"/>
          <ac:spMkLst>
            <pc:docMk/>
            <pc:sldMk cId="2619478041" sldId="835"/>
            <ac:spMk id="6" creationId="{AE00C083-B1DF-7EA2-A28B-BE6440888B11}"/>
          </ac:spMkLst>
        </pc:spChg>
        <pc:spChg chg="mod">
          <ac:chgData name="Brecht Nys" userId="8e187b20a541708e" providerId="LiveId" clId="{36D60E53-7AC6-461F-824A-71353C1A5322}" dt="2023-04-07T01:31:05.030" v="1972" actId="14100"/>
          <ac:spMkLst>
            <pc:docMk/>
            <pc:sldMk cId="2619478041" sldId="835"/>
            <ac:spMk id="7" creationId="{B3B568C5-3AD6-87C8-97FE-BC4297924F8A}"/>
          </ac:spMkLst>
        </pc:spChg>
        <pc:spChg chg="del">
          <ac:chgData name="Brecht Nys" userId="8e187b20a541708e" providerId="LiveId" clId="{36D60E53-7AC6-461F-824A-71353C1A5322}" dt="2023-04-07T01:30:58.317" v="1970" actId="478"/>
          <ac:spMkLst>
            <pc:docMk/>
            <pc:sldMk cId="2619478041" sldId="835"/>
            <ac:spMk id="8" creationId="{2FD2F3FB-C38D-90F5-7193-235609ED9EBA}"/>
          </ac:spMkLst>
        </pc:spChg>
        <pc:picChg chg="mod">
          <ac:chgData name="Brecht Nys" userId="8e187b20a541708e" providerId="LiveId" clId="{36D60E53-7AC6-461F-824A-71353C1A5322}" dt="2023-04-07T01:31:37.781" v="1980" actId="1076"/>
          <ac:picMkLst>
            <pc:docMk/>
            <pc:sldMk cId="2619478041" sldId="835"/>
            <ac:picMk id="11" creationId="{0C6E65F2-F6D9-3EAC-CD0D-58EEE2390A93}"/>
          </ac:picMkLst>
        </pc:picChg>
        <pc:picChg chg="mod">
          <ac:chgData name="Brecht Nys" userId="8e187b20a541708e" providerId="LiveId" clId="{36D60E53-7AC6-461F-824A-71353C1A5322}" dt="2023-04-07T01:31:42.114" v="1982" actId="1076"/>
          <ac:picMkLst>
            <pc:docMk/>
            <pc:sldMk cId="2619478041" sldId="835"/>
            <ac:picMk id="13" creationId="{0A78E78E-6180-432F-B041-9715EA376147}"/>
          </ac:picMkLst>
        </pc:picChg>
      </pc:sldChg>
      <pc:sldChg chg="addSp delSp modSp add del mod">
        <pc:chgData name="Brecht Nys" userId="8e187b20a541708e" providerId="LiveId" clId="{36D60E53-7AC6-461F-824A-71353C1A5322}" dt="2023-04-09T18:02:47.367" v="4879" actId="47"/>
        <pc:sldMkLst>
          <pc:docMk/>
          <pc:sldMk cId="2592512342" sldId="836"/>
        </pc:sldMkLst>
        <pc:spChg chg="mod">
          <ac:chgData name="Brecht Nys" userId="8e187b20a541708e" providerId="LiveId" clId="{36D60E53-7AC6-461F-824A-71353C1A5322}" dt="2023-04-09T17:08:52.678" v="4455" actId="1035"/>
          <ac:spMkLst>
            <pc:docMk/>
            <pc:sldMk cId="2592512342" sldId="836"/>
            <ac:spMk id="3" creationId="{F8DE80A3-CBC1-B61B-DF0B-A9CB537D6AE8}"/>
          </ac:spMkLst>
        </pc:spChg>
        <pc:spChg chg="add mod">
          <ac:chgData name="Brecht Nys" userId="8e187b20a541708e" providerId="LiveId" clId="{36D60E53-7AC6-461F-824A-71353C1A5322}" dt="2023-04-09T17:51:40.842" v="4505" actId="12788"/>
          <ac:spMkLst>
            <pc:docMk/>
            <pc:sldMk cId="2592512342" sldId="836"/>
            <ac:spMk id="5" creationId="{1851FCB6-5810-E47D-CB95-F7F4F4F80E1A}"/>
          </ac:spMkLst>
        </pc:spChg>
        <pc:spChg chg="add mod">
          <ac:chgData name="Brecht Nys" userId="8e187b20a541708e" providerId="LiveId" clId="{36D60E53-7AC6-461F-824A-71353C1A5322}" dt="2023-04-09T17:51:48.803" v="4507" actId="14100"/>
          <ac:spMkLst>
            <pc:docMk/>
            <pc:sldMk cId="2592512342" sldId="836"/>
            <ac:spMk id="6" creationId="{CF7C5094-D718-086C-A900-191E4B9B5A9C}"/>
          </ac:spMkLst>
        </pc:spChg>
        <pc:spChg chg="del mod">
          <ac:chgData name="Brecht Nys" userId="8e187b20a541708e" providerId="LiveId" clId="{36D60E53-7AC6-461F-824A-71353C1A5322}" dt="2023-04-09T16:25:42.497" v="2248" actId="478"/>
          <ac:spMkLst>
            <pc:docMk/>
            <pc:sldMk cId="2592512342" sldId="836"/>
            <ac:spMk id="7" creationId="{B3B568C5-3AD6-87C8-97FE-BC4297924F8A}"/>
          </ac:spMkLst>
        </pc:spChg>
        <pc:spChg chg="add mod">
          <ac:chgData name="Brecht Nys" userId="8e187b20a541708e" providerId="LiveId" clId="{36D60E53-7AC6-461F-824A-71353C1A5322}" dt="2023-04-09T17:52:10.028" v="4511" actId="1036"/>
          <ac:spMkLst>
            <pc:docMk/>
            <pc:sldMk cId="2592512342" sldId="836"/>
            <ac:spMk id="8" creationId="{D59BDE1D-E4C8-9F94-6A36-F732B3F5CA95}"/>
          </ac:spMkLst>
        </pc:spChg>
        <pc:spChg chg="del mod">
          <ac:chgData name="Brecht Nys" userId="8e187b20a541708e" providerId="LiveId" clId="{36D60E53-7AC6-461F-824A-71353C1A5322}" dt="2023-04-09T16:37:19.989" v="2887" actId="478"/>
          <ac:spMkLst>
            <pc:docMk/>
            <pc:sldMk cId="2592512342" sldId="836"/>
            <ac:spMk id="9" creationId="{F944A148-A759-DA42-4175-167214F76510}"/>
          </ac:spMkLst>
        </pc:spChg>
        <pc:spChg chg="add mod">
          <ac:chgData name="Brecht Nys" userId="8e187b20a541708e" providerId="LiveId" clId="{36D60E53-7AC6-461F-824A-71353C1A5322}" dt="2023-04-09T17:52:10.028" v="4511" actId="1036"/>
          <ac:spMkLst>
            <pc:docMk/>
            <pc:sldMk cId="2592512342" sldId="836"/>
            <ac:spMk id="11" creationId="{F686167F-45E3-8B69-E17F-41849D3856C4}"/>
          </ac:spMkLst>
        </pc:spChg>
        <pc:spChg chg="del">
          <ac:chgData name="Brecht Nys" userId="8e187b20a541708e" providerId="LiveId" clId="{36D60E53-7AC6-461F-824A-71353C1A5322}" dt="2023-04-09T16:25:41.161" v="2246" actId="478"/>
          <ac:spMkLst>
            <pc:docMk/>
            <pc:sldMk cId="2592512342" sldId="836"/>
            <ac:spMk id="12" creationId="{9E2CD10F-F8B9-CCF5-DE09-DFCFC989016D}"/>
          </ac:spMkLst>
        </pc:spChg>
        <pc:spChg chg="add mod">
          <ac:chgData name="Brecht Nys" userId="8e187b20a541708e" providerId="LiveId" clId="{36D60E53-7AC6-461F-824A-71353C1A5322}" dt="2023-04-09T17:52:10.028" v="4511" actId="1036"/>
          <ac:spMkLst>
            <pc:docMk/>
            <pc:sldMk cId="2592512342" sldId="836"/>
            <ac:spMk id="13" creationId="{B66482FA-0C51-BCE0-7C2D-7291818935D9}"/>
          </ac:spMkLst>
        </pc:spChg>
        <pc:spChg chg="add del mod">
          <ac:chgData name="Brecht Nys" userId="8e187b20a541708e" providerId="LiveId" clId="{36D60E53-7AC6-461F-824A-71353C1A5322}" dt="2023-04-09T16:41:19.404" v="2980" actId="478"/>
          <ac:spMkLst>
            <pc:docMk/>
            <pc:sldMk cId="2592512342" sldId="836"/>
            <ac:spMk id="14" creationId="{DF79BBD0-BF54-A154-13A0-FB0BB6114ED5}"/>
          </ac:spMkLst>
        </pc:spChg>
        <pc:spChg chg="add mod">
          <ac:chgData name="Brecht Nys" userId="8e187b20a541708e" providerId="LiveId" clId="{36D60E53-7AC6-461F-824A-71353C1A5322}" dt="2023-04-09T17:08:52.678" v="4455" actId="1035"/>
          <ac:spMkLst>
            <pc:docMk/>
            <pc:sldMk cId="2592512342" sldId="836"/>
            <ac:spMk id="15" creationId="{0DA67B25-C0A7-A65F-FFB5-1C134EFC4A48}"/>
          </ac:spMkLst>
        </pc:spChg>
        <pc:spChg chg="add mod">
          <ac:chgData name="Brecht Nys" userId="8e187b20a541708e" providerId="LiveId" clId="{36D60E53-7AC6-461F-824A-71353C1A5322}" dt="2023-04-09T17:51:28.111" v="4503" actId="1035"/>
          <ac:spMkLst>
            <pc:docMk/>
            <pc:sldMk cId="2592512342" sldId="836"/>
            <ac:spMk id="16" creationId="{E4D9B831-0984-C92D-BCC7-02BD144FF307}"/>
          </ac:spMkLst>
        </pc:spChg>
        <pc:spChg chg="add del mod">
          <ac:chgData name="Brecht Nys" userId="8e187b20a541708e" providerId="LiveId" clId="{36D60E53-7AC6-461F-824A-71353C1A5322}" dt="2023-04-09T17:06:28.052" v="4298" actId="478"/>
          <ac:spMkLst>
            <pc:docMk/>
            <pc:sldMk cId="2592512342" sldId="836"/>
            <ac:spMk id="17" creationId="{AFFFD8DB-FD08-61EB-B917-82B1F5C86C0D}"/>
          </ac:spMkLst>
        </pc:spChg>
        <pc:spChg chg="add mod">
          <ac:chgData name="Brecht Nys" userId="8e187b20a541708e" providerId="LiveId" clId="{36D60E53-7AC6-461F-824A-71353C1A5322}" dt="2023-04-09T17:52:20.978" v="4526" actId="1036"/>
          <ac:spMkLst>
            <pc:docMk/>
            <pc:sldMk cId="2592512342" sldId="836"/>
            <ac:spMk id="32" creationId="{967D1CFA-FD86-8407-2D52-D0A46381DCAA}"/>
          </ac:spMkLst>
        </pc:spChg>
        <pc:picChg chg="add del mod">
          <ac:chgData name="Brecht Nys" userId="8e187b20a541708e" providerId="LiveId" clId="{36D60E53-7AC6-461F-824A-71353C1A5322}" dt="2023-04-09T16:43:37.547" v="3027" actId="478"/>
          <ac:picMkLst>
            <pc:docMk/>
            <pc:sldMk cId="2592512342" sldId="836"/>
            <ac:picMk id="19" creationId="{FBF601FA-909F-4FBF-8D9C-DC2D7A72E734}"/>
          </ac:picMkLst>
        </pc:picChg>
        <pc:picChg chg="add del mod">
          <ac:chgData name="Brecht Nys" userId="8e187b20a541708e" providerId="LiveId" clId="{36D60E53-7AC6-461F-824A-71353C1A5322}" dt="2023-04-09T16:43:34.938" v="3026" actId="478"/>
          <ac:picMkLst>
            <pc:docMk/>
            <pc:sldMk cId="2592512342" sldId="836"/>
            <ac:picMk id="21" creationId="{638BCA67-3060-3553-B331-FB198EB92330}"/>
          </ac:picMkLst>
        </pc:picChg>
        <pc:picChg chg="add del">
          <ac:chgData name="Brecht Nys" userId="8e187b20a541708e" providerId="LiveId" clId="{36D60E53-7AC6-461F-824A-71353C1A5322}" dt="2023-04-09T16:44:09.878" v="3029" actId="22"/>
          <ac:picMkLst>
            <pc:docMk/>
            <pc:sldMk cId="2592512342" sldId="836"/>
            <ac:picMk id="23" creationId="{ED72DA5C-856F-2072-AF71-05D6E5BA247A}"/>
          </ac:picMkLst>
        </pc:picChg>
        <pc:picChg chg="add del">
          <ac:chgData name="Brecht Nys" userId="8e187b20a541708e" providerId="LiveId" clId="{36D60E53-7AC6-461F-824A-71353C1A5322}" dt="2023-04-09T16:44:15.463" v="3031" actId="478"/>
          <ac:picMkLst>
            <pc:docMk/>
            <pc:sldMk cId="2592512342" sldId="836"/>
            <ac:picMk id="25" creationId="{0CC83C91-5715-4CED-50F7-09EA3B34BA39}"/>
          </ac:picMkLst>
        </pc:picChg>
        <pc:picChg chg="add mod">
          <ac:chgData name="Brecht Nys" userId="8e187b20a541708e" providerId="LiveId" clId="{36D60E53-7AC6-461F-824A-71353C1A5322}" dt="2023-04-09T17:08:52.678" v="4455" actId="1035"/>
          <ac:picMkLst>
            <pc:docMk/>
            <pc:sldMk cId="2592512342" sldId="836"/>
            <ac:picMk id="27" creationId="{270F0EA4-3F73-4084-07DC-52AC3FE887D5}"/>
          </ac:picMkLst>
        </pc:picChg>
        <pc:picChg chg="add mod">
          <ac:chgData name="Brecht Nys" userId="8e187b20a541708e" providerId="LiveId" clId="{36D60E53-7AC6-461F-824A-71353C1A5322}" dt="2023-04-09T17:08:52.678" v="4455" actId="1035"/>
          <ac:picMkLst>
            <pc:docMk/>
            <pc:sldMk cId="2592512342" sldId="836"/>
            <ac:picMk id="29" creationId="{7AD1E20A-579D-FE0F-F054-3FBFA0AB1D0E}"/>
          </ac:picMkLst>
        </pc:picChg>
        <pc:picChg chg="add mod">
          <ac:chgData name="Brecht Nys" userId="8e187b20a541708e" providerId="LiveId" clId="{36D60E53-7AC6-461F-824A-71353C1A5322}" dt="2023-04-09T17:51:40.842" v="4505" actId="12788"/>
          <ac:picMkLst>
            <pc:docMk/>
            <pc:sldMk cId="2592512342" sldId="836"/>
            <ac:picMk id="30" creationId="{86B720A6-EC87-DB1D-66DE-F94348A8899F}"/>
          </ac:picMkLst>
        </pc:picChg>
        <pc:picChg chg="add mod">
          <ac:chgData name="Brecht Nys" userId="8e187b20a541708e" providerId="LiveId" clId="{36D60E53-7AC6-461F-824A-71353C1A5322}" dt="2023-04-09T17:51:40.842" v="4505" actId="12788"/>
          <ac:picMkLst>
            <pc:docMk/>
            <pc:sldMk cId="2592512342" sldId="836"/>
            <ac:picMk id="31" creationId="{F9F0E60C-3952-EAB8-50C2-B48EBBBC24A2}"/>
          </ac:picMkLst>
        </pc:picChg>
        <pc:picChg chg="add del mod">
          <ac:chgData name="Brecht Nys" userId="8e187b20a541708e" providerId="LiveId" clId="{36D60E53-7AC6-461F-824A-71353C1A5322}" dt="2023-04-09T17:52:13.970" v="4513" actId="478"/>
          <ac:picMkLst>
            <pc:docMk/>
            <pc:sldMk cId="2592512342" sldId="836"/>
            <ac:picMk id="34" creationId="{83CC411C-0606-90B7-EF84-FD8521D0D06E}"/>
          </ac:picMkLst>
        </pc:picChg>
        <pc:picChg chg="add mod">
          <ac:chgData name="Brecht Nys" userId="8e187b20a541708e" providerId="LiveId" clId="{36D60E53-7AC6-461F-824A-71353C1A5322}" dt="2023-04-09T17:54:27.778" v="4635" actId="1076"/>
          <ac:picMkLst>
            <pc:docMk/>
            <pc:sldMk cId="2592512342" sldId="836"/>
            <ac:picMk id="36" creationId="{185C6C78-D854-D162-CAC5-FE803775E106}"/>
          </ac:picMkLst>
        </pc:picChg>
        <pc:picChg chg="add mod">
          <ac:chgData name="Brecht Nys" userId="8e187b20a541708e" providerId="LiveId" clId="{36D60E53-7AC6-461F-824A-71353C1A5322}" dt="2023-04-09T17:53:44.831" v="4610" actId="1037"/>
          <ac:picMkLst>
            <pc:docMk/>
            <pc:sldMk cId="2592512342" sldId="836"/>
            <ac:picMk id="38" creationId="{033D9F28-3C13-9B46-6AA0-E6055BD1647F}"/>
          </ac:picMkLst>
        </pc:picChg>
        <pc:picChg chg="add mod">
          <ac:chgData name="Brecht Nys" userId="8e187b20a541708e" providerId="LiveId" clId="{36D60E53-7AC6-461F-824A-71353C1A5322}" dt="2023-04-09T17:54:19.882" v="4634" actId="1076"/>
          <ac:picMkLst>
            <pc:docMk/>
            <pc:sldMk cId="2592512342" sldId="836"/>
            <ac:picMk id="40" creationId="{D21BF9A9-6A89-EC24-5F01-3A4A94AF55F3}"/>
          </ac:picMkLst>
        </pc:picChg>
      </pc:sldChg>
      <pc:sldChg chg="delSp modSp add del mod ord">
        <pc:chgData name="Brecht Nys" userId="8e187b20a541708e" providerId="LiveId" clId="{36D60E53-7AC6-461F-824A-71353C1A5322}" dt="2023-04-09T18:27:37.428" v="5636" actId="47"/>
        <pc:sldMkLst>
          <pc:docMk/>
          <pc:sldMk cId="1330583109" sldId="837"/>
        </pc:sldMkLst>
        <pc:spChg chg="mod">
          <ac:chgData name="Brecht Nys" userId="8e187b20a541708e" providerId="LiveId" clId="{36D60E53-7AC6-461F-824A-71353C1A5322}" dt="2023-04-09T16:50:27.981" v="3189" actId="6549"/>
          <ac:spMkLst>
            <pc:docMk/>
            <pc:sldMk cId="1330583109" sldId="837"/>
            <ac:spMk id="2" creationId="{00000000-0000-0000-0000-000000000000}"/>
          </ac:spMkLst>
        </pc:spChg>
        <pc:spChg chg="del mod">
          <ac:chgData name="Brecht Nys" userId="8e187b20a541708e" providerId="LiveId" clId="{36D60E53-7AC6-461F-824A-71353C1A5322}" dt="2023-04-09T16:50:45.688" v="3204" actId="478"/>
          <ac:spMkLst>
            <pc:docMk/>
            <pc:sldMk cId="1330583109" sldId="837"/>
            <ac:spMk id="3" creationId="{F8DE80A3-CBC1-B61B-DF0B-A9CB537D6AE8}"/>
          </ac:spMkLst>
        </pc:spChg>
        <pc:spChg chg="del">
          <ac:chgData name="Brecht Nys" userId="8e187b20a541708e" providerId="LiveId" clId="{36D60E53-7AC6-461F-824A-71353C1A5322}" dt="2023-04-09T16:47:07.445" v="3113" actId="478"/>
          <ac:spMkLst>
            <pc:docMk/>
            <pc:sldMk cId="1330583109" sldId="837"/>
            <ac:spMk id="5" creationId="{1851FCB6-5810-E47D-CB95-F7F4F4F80E1A}"/>
          </ac:spMkLst>
        </pc:spChg>
        <pc:spChg chg="del">
          <ac:chgData name="Brecht Nys" userId="8e187b20a541708e" providerId="LiveId" clId="{36D60E53-7AC6-461F-824A-71353C1A5322}" dt="2023-04-09T16:47:07.445" v="3113" actId="478"/>
          <ac:spMkLst>
            <pc:docMk/>
            <pc:sldMk cId="1330583109" sldId="837"/>
            <ac:spMk id="6" creationId="{CF7C5094-D718-086C-A900-191E4B9B5A9C}"/>
          </ac:spMkLst>
        </pc:spChg>
        <pc:spChg chg="del mod">
          <ac:chgData name="Brecht Nys" userId="8e187b20a541708e" providerId="LiveId" clId="{36D60E53-7AC6-461F-824A-71353C1A5322}" dt="2023-04-09T16:50:47.161" v="3205" actId="478"/>
          <ac:spMkLst>
            <pc:docMk/>
            <pc:sldMk cId="1330583109" sldId="837"/>
            <ac:spMk id="8" creationId="{D59BDE1D-E4C8-9F94-6A36-F732B3F5CA95}"/>
          </ac:spMkLst>
        </pc:spChg>
        <pc:spChg chg="mod">
          <ac:chgData name="Brecht Nys" userId="8e187b20a541708e" providerId="LiveId" clId="{36D60E53-7AC6-461F-824A-71353C1A5322}" dt="2023-04-09T17:02:51.728" v="4031" actId="20577"/>
          <ac:spMkLst>
            <pc:docMk/>
            <pc:sldMk cId="1330583109" sldId="837"/>
            <ac:spMk id="10" creationId="{69C24F2A-80FB-A4C8-4845-7634C6D7F389}"/>
          </ac:spMkLst>
        </pc:spChg>
        <pc:spChg chg="del">
          <ac:chgData name="Brecht Nys" userId="8e187b20a541708e" providerId="LiveId" clId="{36D60E53-7AC6-461F-824A-71353C1A5322}" dt="2023-04-09T16:47:07.445" v="3113" actId="478"/>
          <ac:spMkLst>
            <pc:docMk/>
            <pc:sldMk cId="1330583109" sldId="837"/>
            <ac:spMk id="11" creationId="{F686167F-45E3-8B69-E17F-41849D3856C4}"/>
          </ac:spMkLst>
        </pc:spChg>
        <pc:spChg chg="del">
          <ac:chgData name="Brecht Nys" userId="8e187b20a541708e" providerId="LiveId" clId="{36D60E53-7AC6-461F-824A-71353C1A5322}" dt="2023-04-09T16:47:07.445" v="3113" actId="478"/>
          <ac:spMkLst>
            <pc:docMk/>
            <pc:sldMk cId="1330583109" sldId="837"/>
            <ac:spMk id="13" creationId="{B66482FA-0C51-BCE0-7C2D-7291818935D9}"/>
          </ac:spMkLst>
        </pc:spChg>
        <pc:spChg chg="del">
          <ac:chgData name="Brecht Nys" userId="8e187b20a541708e" providerId="LiveId" clId="{36D60E53-7AC6-461F-824A-71353C1A5322}" dt="2023-04-09T16:47:57.094" v="3117" actId="478"/>
          <ac:spMkLst>
            <pc:docMk/>
            <pc:sldMk cId="1330583109" sldId="837"/>
            <ac:spMk id="15" creationId="{0DA67B25-C0A7-A65F-FFB5-1C134EFC4A48}"/>
          </ac:spMkLst>
        </pc:spChg>
        <pc:spChg chg="del">
          <ac:chgData name="Brecht Nys" userId="8e187b20a541708e" providerId="LiveId" clId="{36D60E53-7AC6-461F-824A-71353C1A5322}" dt="2023-04-09T16:47:07.445" v="3113" actId="478"/>
          <ac:spMkLst>
            <pc:docMk/>
            <pc:sldMk cId="1330583109" sldId="837"/>
            <ac:spMk id="16" creationId="{E4D9B831-0984-C92D-BCC7-02BD144FF307}"/>
          </ac:spMkLst>
        </pc:spChg>
        <pc:spChg chg="del">
          <ac:chgData name="Brecht Nys" userId="8e187b20a541708e" providerId="LiveId" clId="{36D60E53-7AC6-461F-824A-71353C1A5322}" dt="2023-04-09T16:47:07.445" v="3113" actId="478"/>
          <ac:spMkLst>
            <pc:docMk/>
            <pc:sldMk cId="1330583109" sldId="837"/>
            <ac:spMk id="17" creationId="{AFFFD8DB-FD08-61EB-B917-82B1F5C86C0D}"/>
          </ac:spMkLst>
        </pc:spChg>
        <pc:picChg chg="del">
          <ac:chgData name="Brecht Nys" userId="8e187b20a541708e" providerId="LiveId" clId="{36D60E53-7AC6-461F-824A-71353C1A5322}" dt="2023-04-09T16:51:07.545" v="3241" actId="478"/>
          <ac:picMkLst>
            <pc:docMk/>
            <pc:sldMk cId="1330583109" sldId="837"/>
            <ac:picMk id="4" creationId="{BBD01265-22C2-D44C-6CFD-21EC775D8082}"/>
          </ac:picMkLst>
        </pc:picChg>
        <pc:picChg chg="mod">
          <ac:chgData name="Brecht Nys" userId="8e187b20a541708e" providerId="LiveId" clId="{36D60E53-7AC6-461F-824A-71353C1A5322}" dt="2023-04-09T16:51:00.095" v="3240" actId="1035"/>
          <ac:picMkLst>
            <pc:docMk/>
            <pc:sldMk cId="1330583109" sldId="837"/>
            <ac:picMk id="27" creationId="{270F0EA4-3F73-4084-07DC-52AC3FE887D5}"/>
          </ac:picMkLst>
        </pc:picChg>
        <pc:picChg chg="mod">
          <ac:chgData name="Brecht Nys" userId="8e187b20a541708e" providerId="LiveId" clId="{36D60E53-7AC6-461F-824A-71353C1A5322}" dt="2023-04-09T16:51:00.095" v="3240" actId="1035"/>
          <ac:picMkLst>
            <pc:docMk/>
            <pc:sldMk cId="1330583109" sldId="837"/>
            <ac:picMk id="29" creationId="{7AD1E20A-579D-FE0F-F054-3FBFA0AB1D0E}"/>
          </ac:picMkLst>
        </pc:picChg>
      </pc:sldChg>
      <pc:sldChg chg="addSp delSp modSp new del mod modClrScheme chgLayout">
        <pc:chgData name="Brecht Nys" userId="8e187b20a541708e" providerId="LiveId" clId="{36D60E53-7AC6-461F-824A-71353C1A5322}" dt="2023-04-09T18:27:37.028" v="5635" actId="47"/>
        <pc:sldMkLst>
          <pc:docMk/>
          <pc:sldMk cId="3874210560" sldId="838"/>
        </pc:sldMkLst>
        <pc:spChg chg="del mod ord">
          <ac:chgData name="Brecht Nys" userId="8e187b20a541708e" providerId="LiveId" clId="{36D60E53-7AC6-461F-824A-71353C1A5322}" dt="2023-04-09T16:48:57.352" v="3171" actId="700"/>
          <ac:spMkLst>
            <pc:docMk/>
            <pc:sldMk cId="3874210560" sldId="838"/>
            <ac:spMk id="2" creationId="{8E54932A-DA2D-C406-DB5E-60D2025E4CFD}"/>
          </ac:spMkLst>
        </pc:spChg>
        <pc:spChg chg="mod ord">
          <ac:chgData name="Brecht Nys" userId="8e187b20a541708e" providerId="LiveId" clId="{36D60E53-7AC6-461F-824A-71353C1A5322}" dt="2023-04-09T16:48:57.352" v="3171" actId="700"/>
          <ac:spMkLst>
            <pc:docMk/>
            <pc:sldMk cId="3874210560" sldId="838"/>
            <ac:spMk id="3" creationId="{C1E7991E-3933-E1A6-E41F-A25C231C774A}"/>
          </ac:spMkLst>
        </pc:spChg>
        <pc:spChg chg="add mod ord">
          <ac:chgData name="Brecht Nys" userId="8e187b20a541708e" providerId="LiveId" clId="{36D60E53-7AC6-461F-824A-71353C1A5322}" dt="2023-04-09T16:49:15.196" v="3185" actId="1076"/>
          <ac:spMkLst>
            <pc:docMk/>
            <pc:sldMk cId="3874210560" sldId="838"/>
            <ac:spMk id="4" creationId="{C46E2C9D-1C65-FB2F-F256-97E4E58915CC}"/>
          </ac:spMkLst>
        </pc:spChg>
        <pc:spChg chg="add del mod ord">
          <ac:chgData name="Brecht Nys" userId="8e187b20a541708e" providerId="LiveId" clId="{36D60E53-7AC6-461F-824A-71353C1A5322}" dt="2023-04-09T16:49:12.378" v="3184" actId="478"/>
          <ac:spMkLst>
            <pc:docMk/>
            <pc:sldMk cId="3874210560" sldId="838"/>
            <ac:spMk id="5" creationId="{48F12B3C-334F-8790-24C0-F4966409D652}"/>
          </ac:spMkLst>
        </pc:spChg>
        <pc:spChg chg="add del mod ord">
          <ac:chgData name="Brecht Nys" userId="8e187b20a541708e" providerId="LiveId" clId="{36D60E53-7AC6-461F-824A-71353C1A5322}" dt="2023-04-09T16:50:12.215" v="3188" actId="931"/>
          <ac:spMkLst>
            <pc:docMk/>
            <pc:sldMk cId="3874210560" sldId="838"/>
            <ac:spMk id="6" creationId="{E7836388-3EFE-E0A3-DEE8-2149E99BBD23}"/>
          </ac:spMkLst>
        </pc:spChg>
        <pc:spChg chg="add del mod ord">
          <ac:chgData name="Brecht Nys" userId="8e187b20a541708e" providerId="LiveId" clId="{36D60E53-7AC6-461F-824A-71353C1A5322}" dt="2023-04-09T16:49:19.284" v="3186" actId="478"/>
          <ac:spMkLst>
            <pc:docMk/>
            <pc:sldMk cId="3874210560" sldId="838"/>
            <ac:spMk id="7" creationId="{2EF5704C-A54A-A056-CE1E-65156DC7A5FE}"/>
          </ac:spMkLst>
        </pc:spChg>
        <pc:spChg chg="add del mod ord">
          <ac:chgData name="Brecht Nys" userId="8e187b20a541708e" providerId="LiveId" clId="{36D60E53-7AC6-461F-824A-71353C1A5322}" dt="2023-04-09T16:49:21.278" v="3187" actId="478"/>
          <ac:spMkLst>
            <pc:docMk/>
            <pc:sldMk cId="3874210560" sldId="838"/>
            <ac:spMk id="8" creationId="{5A773797-0AC0-5A40-AFA6-7CBA5484D1FC}"/>
          </ac:spMkLst>
        </pc:spChg>
        <pc:picChg chg="add mod">
          <ac:chgData name="Brecht Nys" userId="8e187b20a541708e" providerId="LiveId" clId="{36D60E53-7AC6-461F-824A-71353C1A5322}" dt="2023-04-09T16:50:12.215" v="3188" actId="931"/>
          <ac:picMkLst>
            <pc:docMk/>
            <pc:sldMk cId="3874210560" sldId="838"/>
            <ac:picMk id="10" creationId="{9AC79860-8A2E-DAA3-72FA-4A375E9A4F9E}"/>
          </ac:picMkLst>
        </pc:picChg>
      </pc:sldChg>
      <pc:sldChg chg="addSp delSp modSp add del mod">
        <pc:chgData name="Brecht Nys" userId="8e187b20a541708e" providerId="LiveId" clId="{36D60E53-7AC6-461F-824A-71353C1A5322}" dt="2023-04-09T18:27:37.878" v="5637" actId="47"/>
        <pc:sldMkLst>
          <pc:docMk/>
          <pc:sldMk cId="1536258789" sldId="839"/>
        </pc:sldMkLst>
        <pc:spChg chg="mod">
          <ac:chgData name="Brecht Nys" userId="8e187b20a541708e" providerId="LiveId" clId="{36D60E53-7AC6-461F-824A-71353C1A5322}" dt="2023-04-09T17:02:47.211" v="4030" actId="20577"/>
          <ac:spMkLst>
            <pc:docMk/>
            <pc:sldMk cId="1536258789" sldId="839"/>
            <ac:spMk id="10" creationId="{69C24F2A-80FB-A4C8-4845-7634C6D7F389}"/>
          </ac:spMkLst>
        </pc:spChg>
        <pc:picChg chg="add mod">
          <ac:chgData name="Brecht Nys" userId="8e187b20a541708e" providerId="LiveId" clId="{36D60E53-7AC6-461F-824A-71353C1A5322}" dt="2023-04-09T17:03:44.561" v="4057" actId="1076"/>
          <ac:picMkLst>
            <pc:docMk/>
            <pc:sldMk cId="1536258789" sldId="839"/>
            <ac:picMk id="4" creationId="{B7FCCD1A-BAF4-9FFC-9E10-29F19CAB9FE6}"/>
          </ac:picMkLst>
        </pc:picChg>
        <pc:picChg chg="add mod">
          <ac:chgData name="Brecht Nys" userId="8e187b20a541708e" providerId="LiveId" clId="{36D60E53-7AC6-461F-824A-71353C1A5322}" dt="2023-04-09T17:03:44.561" v="4057" actId="1076"/>
          <ac:picMkLst>
            <pc:docMk/>
            <pc:sldMk cId="1536258789" sldId="839"/>
            <ac:picMk id="6" creationId="{D1F4D74D-5FBA-6617-DE04-14EFC3144068}"/>
          </ac:picMkLst>
        </pc:picChg>
        <pc:picChg chg="del">
          <ac:chgData name="Brecht Nys" userId="8e187b20a541708e" providerId="LiveId" clId="{36D60E53-7AC6-461F-824A-71353C1A5322}" dt="2023-04-09T17:02:56.111" v="4032" actId="478"/>
          <ac:picMkLst>
            <pc:docMk/>
            <pc:sldMk cId="1536258789" sldId="839"/>
            <ac:picMk id="27" creationId="{270F0EA4-3F73-4084-07DC-52AC3FE887D5}"/>
          </ac:picMkLst>
        </pc:picChg>
        <pc:picChg chg="del">
          <ac:chgData name="Brecht Nys" userId="8e187b20a541708e" providerId="LiveId" clId="{36D60E53-7AC6-461F-824A-71353C1A5322}" dt="2023-04-09T17:02:56.761" v="4033" actId="478"/>
          <ac:picMkLst>
            <pc:docMk/>
            <pc:sldMk cId="1536258789" sldId="839"/>
            <ac:picMk id="29" creationId="{7AD1E20A-579D-FE0F-F054-3FBFA0AB1D0E}"/>
          </ac:picMkLst>
        </pc:picChg>
      </pc:sldChg>
      <pc:sldChg chg="addSp delSp modSp add del mod">
        <pc:chgData name="Brecht Nys" userId="8e187b20a541708e" providerId="LiveId" clId="{36D60E53-7AC6-461F-824A-71353C1A5322}" dt="2023-04-09T18:25:35.312" v="5574" actId="47"/>
        <pc:sldMkLst>
          <pc:docMk/>
          <pc:sldMk cId="222650201" sldId="840"/>
        </pc:sldMkLst>
        <pc:spChg chg="mod">
          <ac:chgData name="Brecht Nys" userId="8e187b20a541708e" providerId="LiveId" clId="{36D60E53-7AC6-461F-824A-71353C1A5322}" dt="2023-04-09T18:01:31.585" v="4837" actId="14100"/>
          <ac:spMkLst>
            <pc:docMk/>
            <pc:sldMk cId="222650201" sldId="840"/>
            <ac:spMk id="3" creationId="{F8DE80A3-CBC1-B61B-DF0B-A9CB537D6AE8}"/>
          </ac:spMkLst>
        </pc:spChg>
        <pc:spChg chg="mod">
          <ac:chgData name="Brecht Nys" userId="8e187b20a541708e" providerId="LiveId" clId="{36D60E53-7AC6-461F-824A-71353C1A5322}" dt="2023-04-09T18:01:33.793" v="4838" actId="14100"/>
          <ac:spMkLst>
            <pc:docMk/>
            <pc:sldMk cId="222650201" sldId="840"/>
            <ac:spMk id="5" creationId="{1851FCB6-5810-E47D-CB95-F7F4F4F80E1A}"/>
          </ac:spMkLst>
        </pc:spChg>
        <pc:spChg chg="del">
          <ac:chgData name="Brecht Nys" userId="8e187b20a541708e" providerId="LiveId" clId="{36D60E53-7AC6-461F-824A-71353C1A5322}" dt="2023-04-09T17:55:00.225" v="4637" actId="478"/>
          <ac:spMkLst>
            <pc:docMk/>
            <pc:sldMk cId="222650201" sldId="840"/>
            <ac:spMk id="6" creationId="{CF7C5094-D718-086C-A900-191E4B9B5A9C}"/>
          </ac:spMkLst>
        </pc:spChg>
        <pc:spChg chg="add mod">
          <ac:chgData name="Brecht Nys" userId="8e187b20a541708e" providerId="LiveId" clId="{36D60E53-7AC6-461F-824A-71353C1A5322}" dt="2023-04-09T18:02:24.776" v="4873" actId="14100"/>
          <ac:spMkLst>
            <pc:docMk/>
            <pc:sldMk cId="222650201" sldId="840"/>
            <ac:spMk id="7" creationId="{26FCEF17-5D28-0A4F-05CD-9B0E5632DE38}"/>
          </ac:spMkLst>
        </pc:spChg>
        <pc:spChg chg="mod">
          <ac:chgData name="Brecht Nys" userId="8e187b20a541708e" providerId="LiveId" clId="{36D60E53-7AC6-461F-824A-71353C1A5322}" dt="2023-04-09T18:04:00.778" v="4905" actId="207"/>
          <ac:spMkLst>
            <pc:docMk/>
            <pc:sldMk cId="222650201" sldId="840"/>
            <ac:spMk id="8" creationId="{D59BDE1D-E4C8-9F94-6A36-F732B3F5CA95}"/>
          </ac:spMkLst>
        </pc:spChg>
        <pc:spChg chg="add mod">
          <ac:chgData name="Brecht Nys" userId="8e187b20a541708e" providerId="LiveId" clId="{36D60E53-7AC6-461F-824A-71353C1A5322}" dt="2023-04-09T18:01:49.528" v="4854" actId="1036"/>
          <ac:spMkLst>
            <pc:docMk/>
            <pc:sldMk cId="222650201" sldId="840"/>
            <ac:spMk id="9" creationId="{95187AFC-90AC-D4D6-D656-1A2C2FD44F0D}"/>
          </ac:spMkLst>
        </pc:spChg>
        <pc:spChg chg="mod">
          <ac:chgData name="Brecht Nys" userId="8e187b20a541708e" providerId="LiveId" clId="{36D60E53-7AC6-461F-824A-71353C1A5322}" dt="2023-04-09T17:59:55.578" v="4744" actId="1076"/>
          <ac:spMkLst>
            <pc:docMk/>
            <pc:sldMk cId="222650201" sldId="840"/>
            <ac:spMk id="11" creationId="{F686167F-45E3-8B69-E17F-41849D3856C4}"/>
          </ac:spMkLst>
        </pc:spChg>
        <pc:spChg chg="add mod">
          <ac:chgData name="Brecht Nys" userId="8e187b20a541708e" providerId="LiveId" clId="{36D60E53-7AC6-461F-824A-71353C1A5322}" dt="2023-04-09T18:10:32.747" v="5133" actId="20577"/>
          <ac:spMkLst>
            <pc:docMk/>
            <pc:sldMk cId="222650201" sldId="840"/>
            <ac:spMk id="12" creationId="{9CC8857A-E3C7-9AB8-6E21-9EDA0C052BBB}"/>
          </ac:spMkLst>
        </pc:spChg>
        <pc:spChg chg="del">
          <ac:chgData name="Brecht Nys" userId="8e187b20a541708e" providerId="LiveId" clId="{36D60E53-7AC6-461F-824A-71353C1A5322}" dt="2023-04-09T17:55:00.225" v="4637" actId="478"/>
          <ac:spMkLst>
            <pc:docMk/>
            <pc:sldMk cId="222650201" sldId="840"/>
            <ac:spMk id="13" creationId="{B66482FA-0C51-BCE0-7C2D-7291818935D9}"/>
          </ac:spMkLst>
        </pc:spChg>
        <pc:spChg chg="mod">
          <ac:chgData name="Brecht Nys" userId="8e187b20a541708e" providerId="LiveId" clId="{36D60E53-7AC6-461F-824A-71353C1A5322}" dt="2023-04-09T18:03:44.663" v="4903" actId="1035"/>
          <ac:spMkLst>
            <pc:docMk/>
            <pc:sldMk cId="222650201" sldId="840"/>
            <ac:spMk id="15" creationId="{0DA67B25-C0A7-A65F-FFB5-1C134EFC4A48}"/>
          </ac:spMkLst>
        </pc:spChg>
        <pc:spChg chg="mod">
          <ac:chgData name="Brecht Nys" userId="8e187b20a541708e" providerId="LiveId" clId="{36D60E53-7AC6-461F-824A-71353C1A5322}" dt="2023-04-09T18:01:38.056" v="4840" actId="1035"/>
          <ac:spMkLst>
            <pc:docMk/>
            <pc:sldMk cId="222650201" sldId="840"/>
            <ac:spMk id="16" creationId="{E4D9B831-0984-C92D-BCC7-02BD144FF307}"/>
          </ac:spMkLst>
        </pc:spChg>
        <pc:spChg chg="add mod">
          <ac:chgData name="Brecht Nys" userId="8e187b20a541708e" providerId="LiveId" clId="{36D60E53-7AC6-461F-824A-71353C1A5322}" dt="2023-04-09T18:11:06.145" v="5135" actId="571"/>
          <ac:spMkLst>
            <pc:docMk/>
            <pc:sldMk cId="222650201" sldId="840"/>
            <ac:spMk id="19" creationId="{D6E6ECB5-43AF-2636-7F64-D732A0E3B04D}"/>
          </ac:spMkLst>
        </pc:spChg>
        <pc:spChg chg="del">
          <ac:chgData name="Brecht Nys" userId="8e187b20a541708e" providerId="LiveId" clId="{36D60E53-7AC6-461F-824A-71353C1A5322}" dt="2023-04-09T17:55:00.225" v="4637" actId="478"/>
          <ac:spMkLst>
            <pc:docMk/>
            <pc:sldMk cId="222650201" sldId="840"/>
            <ac:spMk id="32" creationId="{967D1CFA-FD86-8407-2D52-D0A46381DCAA}"/>
          </ac:spMkLst>
        </pc:spChg>
        <pc:picChg chg="add mod">
          <ac:chgData name="Brecht Nys" userId="8e187b20a541708e" providerId="LiveId" clId="{36D60E53-7AC6-461F-824A-71353C1A5322}" dt="2023-04-09T18:03:40.011" v="4901" actId="1035"/>
          <ac:picMkLst>
            <pc:docMk/>
            <pc:sldMk cId="222650201" sldId="840"/>
            <ac:picMk id="14" creationId="{F7F72A8A-AB7C-D461-756D-B79934C6F25A}"/>
          </ac:picMkLst>
        </pc:picChg>
        <pc:picChg chg="add mod">
          <ac:chgData name="Brecht Nys" userId="8e187b20a541708e" providerId="LiveId" clId="{36D60E53-7AC6-461F-824A-71353C1A5322}" dt="2023-04-09T18:03:40.011" v="4901" actId="1035"/>
          <ac:picMkLst>
            <pc:docMk/>
            <pc:sldMk cId="222650201" sldId="840"/>
            <ac:picMk id="17" creationId="{E348DE75-8E4D-C524-FAAD-BD48A4698AB2}"/>
          </ac:picMkLst>
        </pc:picChg>
        <pc:picChg chg="add mod">
          <ac:chgData name="Brecht Nys" userId="8e187b20a541708e" providerId="LiveId" clId="{36D60E53-7AC6-461F-824A-71353C1A5322}" dt="2023-04-09T18:03:40.011" v="4901" actId="1035"/>
          <ac:picMkLst>
            <pc:docMk/>
            <pc:sldMk cId="222650201" sldId="840"/>
            <ac:picMk id="18" creationId="{B048BE30-6BCB-EF65-EB6D-2D3C3F2505C1}"/>
          </ac:picMkLst>
        </pc:picChg>
        <pc:picChg chg="mod">
          <ac:chgData name="Brecht Nys" userId="8e187b20a541708e" providerId="LiveId" clId="{36D60E53-7AC6-461F-824A-71353C1A5322}" dt="2023-04-09T18:01:17.928" v="4828" actId="1035"/>
          <ac:picMkLst>
            <pc:docMk/>
            <pc:sldMk cId="222650201" sldId="840"/>
            <ac:picMk id="27" creationId="{270F0EA4-3F73-4084-07DC-52AC3FE887D5}"/>
          </ac:picMkLst>
        </pc:picChg>
        <pc:picChg chg="mod">
          <ac:chgData name="Brecht Nys" userId="8e187b20a541708e" providerId="LiveId" clId="{36D60E53-7AC6-461F-824A-71353C1A5322}" dt="2023-04-09T18:01:17.928" v="4828" actId="1035"/>
          <ac:picMkLst>
            <pc:docMk/>
            <pc:sldMk cId="222650201" sldId="840"/>
            <ac:picMk id="29" creationId="{7AD1E20A-579D-FE0F-F054-3FBFA0AB1D0E}"/>
          </ac:picMkLst>
        </pc:picChg>
        <pc:picChg chg="mod">
          <ac:chgData name="Brecht Nys" userId="8e187b20a541708e" providerId="LiveId" clId="{36D60E53-7AC6-461F-824A-71353C1A5322}" dt="2023-04-09T18:01:17.928" v="4828" actId="1035"/>
          <ac:picMkLst>
            <pc:docMk/>
            <pc:sldMk cId="222650201" sldId="840"/>
            <ac:picMk id="30" creationId="{86B720A6-EC87-DB1D-66DE-F94348A8899F}"/>
          </ac:picMkLst>
        </pc:picChg>
        <pc:picChg chg="mod">
          <ac:chgData name="Brecht Nys" userId="8e187b20a541708e" providerId="LiveId" clId="{36D60E53-7AC6-461F-824A-71353C1A5322}" dt="2023-04-09T18:01:17.928" v="4828" actId="1035"/>
          <ac:picMkLst>
            <pc:docMk/>
            <pc:sldMk cId="222650201" sldId="840"/>
            <ac:picMk id="31" creationId="{F9F0E60C-3952-EAB8-50C2-B48EBBBC24A2}"/>
          </ac:picMkLst>
        </pc:picChg>
        <pc:picChg chg="del">
          <ac:chgData name="Brecht Nys" userId="8e187b20a541708e" providerId="LiveId" clId="{36D60E53-7AC6-461F-824A-71353C1A5322}" dt="2023-04-09T17:55:00.225" v="4637" actId="478"/>
          <ac:picMkLst>
            <pc:docMk/>
            <pc:sldMk cId="222650201" sldId="840"/>
            <ac:picMk id="36" creationId="{185C6C78-D854-D162-CAC5-FE803775E106}"/>
          </ac:picMkLst>
        </pc:picChg>
        <pc:picChg chg="del">
          <ac:chgData name="Brecht Nys" userId="8e187b20a541708e" providerId="LiveId" clId="{36D60E53-7AC6-461F-824A-71353C1A5322}" dt="2023-04-09T17:55:00.225" v="4637" actId="478"/>
          <ac:picMkLst>
            <pc:docMk/>
            <pc:sldMk cId="222650201" sldId="840"/>
            <ac:picMk id="38" creationId="{033D9F28-3C13-9B46-6AA0-E6055BD1647F}"/>
          </ac:picMkLst>
        </pc:picChg>
        <pc:picChg chg="del">
          <ac:chgData name="Brecht Nys" userId="8e187b20a541708e" providerId="LiveId" clId="{36D60E53-7AC6-461F-824A-71353C1A5322}" dt="2023-04-09T17:55:00.225" v="4637" actId="478"/>
          <ac:picMkLst>
            <pc:docMk/>
            <pc:sldMk cId="222650201" sldId="840"/>
            <ac:picMk id="40" creationId="{D21BF9A9-6A89-EC24-5F01-3A4A94AF55F3}"/>
          </ac:picMkLst>
        </pc:picChg>
      </pc:sldChg>
      <pc:sldChg chg="addSp delSp modSp add del mod">
        <pc:chgData name="Brecht Nys" userId="8e187b20a541708e" providerId="LiveId" clId="{36D60E53-7AC6-461F-824A-71353C1A5322}" dt="2023-04-09T18:27:38.333" v="5638" actId="47"/>
        <pc:sldMkLst>
          <pc:docMk/>
          <pc:sldMk cId="858313024" sldId="841"/>
        </pc:sldMkLst>
        <pc:spChg chg="mod">
          <ac:chgData name="Brecht Nys" userId="8e187b20a541708e" providerId="LiveId" clId="{36D60E53-7AC6-461F-824A-71353C1A5322}" dt="2023-04-09T18:03:28.369" v="4883" actId="20577"/>
          <ac:spMkLst>
            <pc:docMk/>
            <pc:sldMk cId="858313024" sldId="841"/>
            <ac:spMk id="10" creationId="{69C24F2A-80FB-A4C8-4845-7634C6D7F389}"/>
          </ac:spMkLst>
        </pc:spChg>
        <pc:picChg chg="add mod">
          <ac:chgData name="Brecht Nys" userId="8e187b20a541708e" providerId="LiveId" clId="{36D60E53-7AC6-461F-824A-71353C1A5322}" dt="2023-04-09T18:04:53.657" v="5031" actId="554"/>
          <ac:picMkLst>
            <pc:docMk/>
            <pc:sldMk cId="858313024" sldId="841"/>
            <ac:picMk id="3" creationId="{E9A28E90-8228-6B80-6495-15CA9DAFEC24}"/>
          </ac:picMkLst>
        </pc:picChg>
        <pc:picChg chg="del">
          <ac:chgData name="Brecht Nys" userId="8e187b20a541708e" providerId="LiveId" clId="{36D60E53-7AC6-461F-824A-71353C1A5322}" dt="2023-04-09T18:03:31.778" v="4884" actId="478"/>
          <ac:picMkLst>
            <pc:docMk/>
            <pc:sldMk cId="858313024" sldId="841"/>
            <ac:picMk id="4" creationId="{B7FCCD1A-BAF4-9FFC-9E10-29F19CAB9FE6}"/>
          </ac:picMkLst>
        </pc:picChg>
        <pc:picChg chg="add mod">
          <ac:chgData name="Brecht Nys" userId="8e187b20a541708e" providerId="LiveId" clId="{36D60E53-7AC6-461F-824A-71353C1A5322}" dt="2023-04-09T18:04:57.580" v="5032" actId="408"/>
          <ac:picMkLst>
            <pc:docMk/>
            <pc:sldMk cId="858313024" sldId="841"/>
            <ac:picMk id="5" creationId="{0D33E8B7-9976-C323-3DF4-C7C6BD013025}"/>
          </ac:picMkLst>
        </pc:picChg>
        <pc:picChg chg="del">
          <ac:chgData name="Brecht Nys" userId="8e187b20a541708e" providerId="LiveId" clId="{36D60E53-7AC6-461F-824A-71353C1A5322}" dt="2023-04-09T18:03:32.228" v="4885" actId="478"/>
          <ac:picMkLst>
            <pc:docMk/>
            <pc:sldMk cId="858313024" sldId="841"/>
            <ac:picMk id="6" creationId="{D1F4D74D-5FBA-6617-DE04-14EFC3144068}"/>
          </ac:picMkLst>
        </pc:picChg>
        <pc:picChg chg="add mod">
          <ac:chgData name="Brecht Nys" userId="8e187b20a541708e" providerId="LiveId" clId="{36D60E53-7AC6-461F-824A-71353C1A5322}" dt="2023-04-09T18:04:53.657" v="5031" actId="554"/>
          <ac:picMkLst>
            <pc:docMk/>
            <pc:sldMk cId="858313024" sldId="841"/>
            <ac:picMk id="7" creationId="{32F5F10D-B9FE-575D-E859-8BE03C541BDE}"/>
          </ac:picMkLst>
        </pc:picChg>
      </pc:sldChg>
      <pc:sldChg chg="delSp modSp add mod">
        <pc:chgData name="Brecht Nys" userId="8e187b20a541708e" providerId="LiveId" clId="{36D60E53-7AC6-461F-824A-71353C1A5322}" dt="2023-04-09T18:28:51.928" v="5647" actId="20577"/>
        <pc:sldMkLst>
          <pc:docMk/>
          <pc:sldMk cId="2252438434" sldId="842"/>
        </pc:sldMkLst>
        <pc:spChg chg="mod">
          <ac:chgData name="Brecht Nys" userId="8e187b20a541708e" providerId="LiveId" clId="{36D60E53-7AC6-461F-824A-71353C1A5322}" dt="2023-04-09T18:14:28.345" v="5152" actId="2085"/>
          <ac:spMkLst>
            <pc:docMk/>
            <pc:sldMk cId="2252438434" sldId="842"/>
            <ac:spMk id="3" creationId="{F8DE80A3-CBC1-B61B-DF0B-A9CB537D6AE8}"/>
          </ac:spMkLst>
        </pc:spChg>
        <pc:spChg chg="del">
          <ac:chgData name="Brecht Nys" userId="8e187b20a541708e" providerId="LiveId" clId="{36D60E53-7AC6-461F-824A-71353C1A5322}" dt="2023-04-09T18:13:07.726" v="5138" actId="478"/>
          <ac:spMkLst>
            <pc:docMk/>
            <pc:sldMk cId="2252438434" sldId="842"/>
            <ac:spMk id="5" creationId="{1851FCB6-5810-E47D-CB95-F7F4F4F80E1A}"/>
          </ac:spMkLst>
        </pc:spChg>
        <pc:spChg chg="del">
          <ac:chgData name="Brecht Nys" userId="8e187b20a541708e" providerId="LiveId" clId="{36D60E53-7AC6-461F-824A-71353C1A5322}" dt="2023-04-09T18:13:05.161" v="5137" actId="478"/>
          <ac:spMkLst>
            <pc:docMk/>
            <pc:sldMk cId="2252438434" sldId="842"/>
            <ac:spMk id="7" creationId="{26FCEF17-5D28-0A4F-05CD-9B0E5632DE38}"/>
          </ac:spMkLst>
        </pc:spChg>
        <pc:spChg chg="del">
          <ac:chgData name="Brecht Nys" userId="8e187b20a541708e" providerId="LiveId" clId="{36D60E53-7AC6-461F-824A-71353C1A5322}" dt="2023-04-09T18:13:24.111" v="5145" actId="478"/>
          <ac:spMkLst>
            <pc:docMk/>
            <pc:sldMk cId="2252438434" sldId="842"/>
            <ac:spMk id="8" creationId="{D59BDE1D-E4C8-9F94-6A36-F732B3F5CA95}"/>
          </ac:spMkLst>
        </pc:spChg>
        <pc:spChg chg="del">
          <ac:chgData name="Brecht Nys" userId="8e187b20a541708e" providerId="LiveId" clId="{36D60E53-7AC6-461F-824A-71353C1A5322}" dt="2023-04-09T18:13:05.161" v="5137" actId="478"/>
          <ac:spMkLst>
            <pc:docMk/>
            <pc:sldMk cId="2252438434" sldId="842"/>
            <ac:spMk id="9" creationId="{95187AFC-90AC-D4D6-D656-1A2C2FD44F0D}"/>
          </ac:spMkLst>
        </pc:spChg>
        <pc:spChg chg="mod">
          <ac:chgData name="Brecht Nys" userId="8e187b20a541708e" providerId="LiveId" clId="{36D60E53-7AC6-461F-824A-71353C1A5322}" dt="2023-04-09T18:13:20.211" v="5144" actId="20577"/>
          <ac:spMkLst>
            <pc:docMk/>
            <pc:sldMk cId="2252438434" sldId="842"/>
            <ac:spMk id="10" creationId="{69C24F2A-80FB-A4C8-4845-7634C6D7F389}"/>
          </ac:spMkLst>
        </pc:spChg>
        <pc:spChg chg="del">
          <ac:chgData name="Brecht Nys" userId="8e187b20a541708e" providerId="LiveId" clId="{36D60E53-7AC6-461F-824A-71353C1A5322}" dt="2023-04-09T18:13:07.726" v="5138" actId="478"/>
          <ac:spMkLst>
            <pc:docMk/>
            <pc:sldMk cId="2252438434" sldId="842"/>
            <ac:spMk id="11" creationId="{F686167F-45E3-8B69-E17F-41849D3856C4}"/>
          </ac:spMkLst>
        </pc:spChg>
        <pc:spChg chg="del">
          <ac:chgData name="Brecht Nys" userId="8e187b20a541708e" providerId="LiveId" clId="{36D60E53-7AC6-461F-824A-71353C1A5322}" dt="2023-04-09T18:13:05.161" v="5137" actId="478"/>
          <ac:spMkLst>
            <pc:docMk/>
            <pc:sldMk cId="2252438434" sldId="842"/>
            <ac:spMk id="12" creationId="{9CC8857A-E3C7-9AB8-6E21-9EDA0C052BBB}"/>
          </ac:spMkLst>
        </pc:spChg>
        <pc:spChg chg="mod">
          <ac:chgData name="Brecht Nys" userId="8e187b20a541708e" providerId="LiveId" clId="{36D60E53-7AC6-461F-824A-71353C1A5322}" dt="2023-04-09T18:28:51.928" v="5647" actId="20577"/>
          <ac:spMkLst>
            <pc:docMk/>
            <pc:sldMk cId="2252438434" sldId="842"/>
            <ac:spMk id="15" creationId="{0DA67B25-C0A7-A65F-FFB5-1C134EFC4A48}"/>
          </ac:spMkLst>
        </pc:spChg>
        <pc:spChg chg="del">
          <ac:chgData name="Brecht Nys" userId="8e187b20a541708e" providerId="LiveId" clId="{36D60E53-7AC6-461F-824A-71353C1A5322}" dt="2023-04-09T18:13:07.726" v="5138" actId="478"/>
          <ac:spMkLst>
            <pc:docMk/>
            <pc:sldMk cId="2252438434" sldId="842"/>
            <ac:spMk id="16" creationId="{E4D9B831-0984-C92D-BCC7-02BD144FF307}"/>
          </ac:spMkLst>
        </pc:spChg>
        <pc:picChg chg="ord">
          <ac:chgData name="Brecht Nys" userId="8e187b20a541708e" providerId="LiveId" clId="{36D60E53-7AC6-461F-824A-71353C1A5322}" dt="2023-04-09T18:13:40.511" v="5147" actId="166"/>
          <ac:picMkLst>
            <pc:docMk/>
            <pc:sldMk cId="2252438434" sldId="842"/>
            <ac:picMk id="4" creationId="{BBD01265-22C2-D44C-6CFD-21EC775D8082}"/>
          </ac:picMkLst>
        </pc:picChg>
        <pc:picChg chg="del">
          <ac:chgData name="Brecht Nys" userId="8e187b20a541708e" providerId="LiveId" clId="{36D60E53-7AC6-461F-824A-71353C1A5322}" dt="2023-04-09T18:13:05.161" v="5137" actId="478"/>
          <ac:picMkLst>
            <pc:docMk/>
            <pc:sldMk cId="2252438434" sldId="842"/>
            <ac:picMk id="14" creationId="{F7F72A8A-AB7C-D461-756D-B79934C6F25A}"/>
          </ac:picMkLst>
        </pc:picChg>
        <pc:picChg chg="del">
          <ac:chgData name="Brecht Nys" userId="8e187b20a541708e" providerId="LiveId" clId="{36D60E53-7AC6-461F-824A-71353C1A5322}" dt="2023-04-09T18:13:05.161" v="5137" actId="478"/>
          <ac:picMkLst>
            <pc:docMk/>
            <pc:sldMk cId="2252438434" sldId="842"/>
            <ac:picMk id="17" creationId="{E348DE75-8E4D-C524-FAAD-BD48A4698AB2}"/>
          </ac:picMkLst>
        </pc:picChg>
        <pc:picChg chg="del">
          <ac:chgData name="Brecht Nys" userId="8e187b20a541708e" providerId="LiveId" clId="{36D60E53-7AC6-461F-824A-71353C1A5322}" dt="2023-04-09T18:13:05.161" v="5137" actId="478"/>
          <ac:picMkLst>
            <pc:docMk/>
            <pc:sldMk cId="2252438434" sldId="842"/>
            <ac:picMk id="18" creationId="{B048BE30-6BCB-EF65-EB6D-2D3C3F2505C1}"/>
          </ac:picMkLst>
        </pc:picChg>
        <pc:picChg chg="mod">
          <ac:chgData name="Brecht Nys" userId="8e187b20a541708e" providerId="LiveId" clId="{36D60E53-7AC6-461F-824A-71353C1A5322}" dt="2023-04-09T18:15:23.441" v="5204" actId="1076"/>
          <ac:picMkLst>
            <pc:docMk/>
            <pc:sldMk cId="2252438434" sldId="842"/>
            <ac:picMk id="27" creationId="{270F0EA4-3F73-4084-07DC-52AC3FE887D5}"/>
          </ac:picMkLst>
        </pc:picChg>
        <pc:picChg chg="mod">
          <ac:chgData name="Brecht Nys" userId="8e187b20a541708e" providerId="LiveId" clId="{36D60E53-7AC6-461F-824A-71353C1A5322}" dt="2023-04-09T18:15:20.798" v="5203" actId="1038"/>
          <ac:picMkLst>
            <pc:docMk/>
            <pc:sldMk cId="2252438434" sldId="842"/>
            <ac:picMk id="29" creationId="{7AD1E20A-579D-FE0F-F054-3FBFA0AB1D0E}"/>
          </ac:picMkLst>
        </pc:picChg>
        <pc:picChg chg="del">
          <ac:chgData name="Brecht Nys" userId="8e187b20a541708e" providerId="LiveId" clId="{36D60E53-7AC6-461F-824A-71353C1A5322}" dt="2023-04-09T18:13:07.726" v="5138" actId="478"/>
          <ac:picMkLst>
            <pc:docMk/>
            <pc:sldMk cId="2252438434" sldId="842"/>
            <ac:picMk id="30" creationId="{86B720A6-EC87-DB1D-66DE-F94348A8899F}"/>
          </ac:picMkLst>
        </pc:picChg>
        <pc:picChg chg="del">
          <ac:chgData name="Brecht Nys" userId="8e187b20a541708e" providerId="LiveId" clId="{36D60E53-7AC6-461F-824A-71353C1A5322}" dt="2023-04-09T18:13:07.726" v="5138" actId="478"/>
          <ac:picMkLst>
            <pc:docMk/>
            <pc:sldMk cId="2252438434" sldId="842"/>
            <ac:picMk id="31" creationId="{F9F0E60C-3952-EAB8-50C2-B48EBBBC24A2}"/>
          </ac:picMkLst>
        </pc:picChg>
      </pc:sldChg>
      <pc:sldChg chg="addSp delSp modSp add mod">
        <pc:chgData name="Brecht Nys" userId="8e187b20a541708e" providerId="LiveId" clId="{36D60E53-7AC6-461F-824A-71353C1A5322}" dt="2023-04-09T18:29:40.311" v="5669" actId="20577"/>
        <pc:sldMkLst>
          <pc:docMk/>
          <pc:sldMk cId="3966230099" sldId="843"/>
        </pc:sldMkLst>
        <pc:spChg chg="mod">
          <ac:chgData name="Brecht Nys" userId="8e187b20a541708e" providerId="LiveId" clId="{36D60E53-7AC6-461F-824A-71353C1A5322}" dt="2023-04-09T18:21:02.302" v="5463"/>
          <ac:spMkLst>
            <pc:docMk/>
            <pc:sldMk cId="3966230099" sldId="843"/>
            <ac:spMk id="10" creationId="{69C24F2A-80FB-A4C8-4845-7634C6D7F389}"/>
          </ac:spMkLst>
        </pc:spChg>
        <pc:spChg chg="mod">
          <ac:chgData name="Brecht Nys" userId="8e187b20a541708e" providerId="LiveId" clId="{36D60E53-7AC6-461F-824A-71353C1A5322}" dt="2023-04-09T18:29:40.311" v="5669" actId="20577"/>
          <ac:spMkLst>
            <pc:docMk/>
            <pc:sldMk cId="3966230099" sldId="843"/>
            <ac:spMk id="15" creationId="{0DA67B25-C0A7-A65F-FFB5-1C134EFC4A48}"/>
          </ac:spMkLst>
        </pc:spChg>
        <pc:picChg chg="add mod">
          <ac:chgData name="Brecht Nys" userId="8e187b20a541708e" providerId="LiveId" clId="{36D60E53-7AC6-461F-824A-71353C1A5322}" dt="2023-04-09T18:22:01.861" v="5513" actId="554"/>
          <ac:picMkLst>
            <pc:docMk/>
            <pc:sldMk cId="3966230099" sldId="843"/>
            <ac:picMk id="5" creationId="{8149C4CA-23D4-C18C-537D-0D0BE938646D}"/>
          </ac:picMkLst>
        </pc:picChg>
        <pc:picChg chg="add mod">
          <ac:chgData name="Brecht Nys" userId="8e187b20a541708e" providerId="LiveId" clId="{36D60E53-7AC6-461F-824A-71353C1A5322}" dt="2023-04-09T18:22:01.861" v="5513" actId="554"/>
          <ac:picMkLst>
            <pc:docMk/>
            <pc:sldMk cId="3966230099" sldId="843"/>
            <ac:picMk id="6" creationId="{A662AE66-F228-1749-2E65-A22F0EBE66AC}"/>
          </ac:picMkLst>
        </pc:picChg>
        <pc:picChg chg="del">
          <ac:chgData name="Brecht Nys" userId="8e187b20a541708e" providerId="LiveId" clId="{36D60E53-7AC6-461F-824A-71353C1A5322}" dt="2023-04-09T18:21:05.915" v="5464" actId="478"/>
          <ac:picMkLst>
            <pc:docMk/>
            <pc:sldMk cId="3966230099" sldId="843"/>
            <ac:picMk id="27" creationId="{270F0EA4-3F73-4084-07DC-52AC3FE887D5}"/>
          </ac:picMkLst>
        </pc:picChg>
        <pc:picChg chg="del">
          <ac:chgData name="Brecht Nys" userId="8e187b20a541708e" providerId="LiveId" clId="{36D60E53-7AC6-461F-824A-71353C1A5322}" dt="2023-04-09T18:21:05.915" v="5464" actId="478"/>
          <ac:picMkLst>
            <pc:docMk/>
            <pc:sldMk cId="3966230099" sldId="843"/>
            <ac:picMk id="29" creationId="{7AD1E20A-579D-FE0F-F054-3FBFA0AB1D0E}"/>
          </ac:picMkLst>
        </pc:picChg>
      </pc:sldChg>
      <pc:sldChg chg="addSp delSp modSp add mod">
        <pc:chgData name="Brecht Nys" userId="8e187b20a541708e" providerId="LiveId" clId="{36D60E53-7AC6-461F-824A-71353C1A5322}" dt="2023-04-09T18:30:33.944" v="5685" actId="20577"/>
        <pc:sldMkLst>
          <pc:docMk/>
          <pc:sldMk cId="3870590486" sldId="844"/>
        </pc:sldMkLst>
        <pc:spChg chg="mod">
          <ac:chgData name="Brecht Nys" userId="8e187b20a541708e" providerId="LiveId" clId="{36D60E53-7AC6-461F-824A-71353C1A5322}" dt="2023-04-09T18:24:24.841" v="5559"/>
          <ac:spMkLst>
            <pc:docMk/>
            <pc:sldMk cId="3870590486" sldId="844"/>
            <ac:spMk id="10" creationId="{69C24F2A-80FB-A4C8-4845-7634C6D7F389}"/>
          </ac:spMkLst>
        </pc:spChg>
        <pc:spChg chg="mod">
          <ac:chgData name="Brecht Nys" userId="8e187b20a541708e" providerId="LiveId" clId="{36D60E53-7AC6-461F-824A-71353C1A5322}" dt="2023-04-09T18:30:33.944" v="5685" actId="20577"/>
          <ac:spMkLst>
            <pc:docMk/>
            <pc:sldMk cId="3870590486" sldId="844"/>
            <ac:spMk id="15" creationId="{0DA67B25-C0A7-A65F-FFB5-1C134EFC4A48}"/>
          </ac:spMkLst>
        </pc:spChg>
        <pc:picChg chg="del">
          <ac:chgData name="Brecht Nys" userId="8e187b20a541708e" providerId="LiveId" clId="{36D60E53-7AC6-461F-824A-71353C1A5322}" dt="2023-04-09T18:24:33.463" v="5560" actId="478"/>
          <ac:picMkLst>
            <pc:docMk/>
            <pc:sldMk cId="3870590486" sldId="844"/>
            <ac:picMk id="5" creationId="{8149C4CA-23D4-C18C-537D-0D0BE938646D}"/>
          </ac:picMkLst>
        </pc:picChg>
        <pc:picChg chg="del">
          <ac:chgData name="Brecht Nys" userId="8e187b20a541708e" providerId="LiveId" clId="{36D60E53-7AC6-461F-824A-71353C1A5322}" dt="2023-04-09T18:24:33.463" v="5560" actId="478"/>
          <ac:picMkLst>
            <pc:docMk/>
            <pc:sldMk cId="3870590486" sldId="844"/>
            <ac:picMk id="6" creationId="{A662AE66-F228-1749-2E65-A22F0EBE66AC}"/>
          </ac:picMkLst>
        </pc:picChg>
        <pc:picChg chg="add mod">
          <ac:chgData name="Brecht Nys" userId="8e187b20a541708e" providerId="LiveId" clId="{36D60E53-7AC6-461F-824A-71353C1A5322}" dt="2023-04-09T18:24:47.037" v="5568" actId="1076"/>
          <ac:picMkLst>
            <pc:docMk/>
            <pc:sldMk cId="3870590486" sldId="844"/>
            <ac:picMk id="7" creationId="{4B2409D5-D7EF-4450-D625-F20DC7AFD371}"/>
          </ac:picMkLst>
        </pc:picChg>
        <pc:picChg chg="add mod">
          <ac:chgData name="Brecht Nys" userId="8e187b20a541708e" providerId="LiveId" clId="{36D60E53-7AC6-461F-824A-71353C1A5322}" dt="2023-04-09T18:25:03.628" v="5572" actId="465"/>
          <ac:picMkLst>
            <pc:docMk/>
            <pc:sldMk cId="3870590486" sldId="844"/>
            <ac:picMk id="8" creationId="{A9C74C69-B9AC-070D-61F5-6687069893F3}"/>
          </ac:picMkLst>
        </pc:picChg>
        <pc:picChg chg="add mod">
          <ac:chgData name="Brecht Nys" userId="8e187b20a541708e" providerId="LiveId" clId="{36D60E53-7AC6-461F-824A-71353C1A5322}" dt="2023-04-09T18:24:52.744" v="5570" actId="1076"/>
          <ac:picMkLst>
            <pc:docMk/>
            <pc:sldMk cId="3870590486" sldId="844"/>
            <ac:picMk id="9" creationId="{4D69FC93-B6C7-4AD4-330A-707C2231FD48}"/>
          </ac:picMkLst>
        </pc:picChg>
      </pc:sldChg>
      <pc:sldChg chg="add del">
        <pc:chgData name="Brecht Nys" userId="8e187b20a541708e" providerId="LiveId" clId="{36D60E53-7AC6-461F-824A-71353C1A5322}" dt="2023-04-09T18:29:30.378" v="5663" actId="2890"/>
        <pc:sldMkLst>
          <pc:docMk/>
          <pc:sldMk cId="661020835" sldId="845"/>
        </pc:sldMkLst>
      </pc:sldChg>
      <pc:sldChg chg="delSp modSp del mod">
        <pc:chgData name="Brecht Nys" userId="8e187b20a541708e" providerId="LiveId" clId="{36D60E53-7AC6-461F-824A-71353C1A5322}" dt="2023-04-07T00:50:34.080" v="1037" actId="47"/>
        <pc:sldMkLst>
          <pc:docMk/>
          <pc:sldMk cId="3250051858" sldId="852"/>
        </pc:sldMkLst>
        <pc:spChg chg="mod">
          <ac:chgData name="Brecht Nys" userId="8e187b20a541708e" providerId="LiveId" clId="{36D60E53-7AC6-461F-824A-71353C1A5322}" dt="2023-04-07T00:27:52.002" v="136" actId="20577"/>
          <ac:spMkLst>
            <pc:docMk/>
            <pc:sldMk cId="3250051858" sldId="852"/>
            <ac:spMk id="2" creationId="{D15CC75F-DE5D-4CC9-A58C-C2B7638A667A}"/>
          </ac:spMkLst>
        </pc:spChg>
        <pc:spChg chg="del">
          <ac:chgData name="Brecht Nys" userId="8e187b20a541708e" providerId="LiveId" clId="{36D60E53-7AC6-461F-824A-71353C1A5322}" dt="2023-04-07T00:11:49.496" v="4" actId="478"/>
          <ac:spMkLst>
            <pc:docMk/>
            <pc:sldMk cId="3250051858" sldId="852"/>
            <ac:spMk id="6" creationId="{6B1E8997-475F-4E48-8E1E-BD9F8E1EC505}"/>
          </ac:spMkLst>
        </pc:spChg>
      </pc:sldChg>
      <pc:sldMasterChg chg="delSp mod modSldLayout">
        <pc:chgData name="Brecht Nys" userId="8e187b20a541708e" providerId="LiveId" clId="{36D60E53-7AC6-461F-824A-71353C1A5322}" dt="2023-04-07T00:11:35.198" v="3" actId="478"/>
        <pc:sldMasterMkLst>
          <pc:docMk/>
          <pc:sldMasterMk cId="2352157268" sldId="2147483648"/>
        </pc:sldMasterMkLst>
        <pc:spChg chg="del">
          <ac:chgData name="Brecht Nys" userId="8e187b20a541708e" providerId="LiveId" clId="{36D60E53-7AC6-461F-824A-71353C1A5322}" dt="2023-04-07T00:11:06.350" v="0" actId="478"/>
          <ac:spMkLst>
            <pc:docMk/>
            <pc:sldMasterMk cId="2352157268" sldId="2147483648"/>
            <ac:spMk id="4" creationId="{913FDD53-68C7-491D-8974-F2CDF6E65BAE}"/>
          </ac:spMkLst>
        </pc:spChg>
        <pc:spChg chg="del">
          <ac:chgData name="Brecht Nys" userId="8e187b20a541708e" providerId="LiveId" clId="{36D60E53-7AC6-461F-824A-71353C1A5322}" dt="2023-04-07T00:11:08.440" v="1" actId="478"/>
          <ac:spMkLst>
            <pc:docMk/>
            <pc:sldMasterMk cId="2352157268" sldId="2147483648"/>
            <ac:spMk id="5" creationId="{51247D62-6CA7-487C-AE60-4A613B62C8CD}"/>
          </ac:spMkLst>
        </pc:spChg>
        <pc:sldLayoutChg chg="delSp mod">
          <pc:chgData name="Brecht Nys" userId="8e187b20a541708e" providerId="LiveId" clId="{36D60E53-7AC6-461F-824A-71353C1A5322}" dt="2023-04-07T00:11:35.198" v="3" actId="478"/>
          <pc:sldLayoutMkLst>
            <pc:docMk/>
            <pc:sldMasterMk cId="2352157268" sldId="2147483648"/>
            <pc:sldLayoutMk cId="2841769788" sldId="2147483654"/>
          </pc:sldLayoutMkLst>
          <pc:spChg chg="del">
            <ac:chgData name="Brecht Nys" userId="8e187b20a541708e" providerId="LiveId" clId="{36D60E53-7AC6-461F-824A-71353C1A5322}" dt="2023-04-07T00:11:35.198" v="3" actId="478"/>
            <ac:spMkLst>
              <pc:docMk/>
              <pc:sldMasterMk cId="2352157268" sldId="2147483648"/>
              <pc:sldLayoutMk cId="2841769788" sldId="2147483654"/>
              <ac:spMk id="3" creationId="{1CE9A33F-E72D-4F8C-8D80-D05681AFFA4A}"/>
            </ac:spMkLst>
          </pc:spChg>
        </pc:sldLayoutChg>
      </pc:sldMasterChg>
    </pc:docChg>
  </pc:docChgLst>
  <pc:docChgLst>
    <pc:chgData name="Nys, B (Brecht) (Business Manager III)" userId="f0c14ff5-aa98-4919-8cfd-4bc2d31aed24" providerId="ADAL" clId="{74D9DAB8-25BB-43A5-BD9A-16F7145A14D8}"/>
    <pc:docChg chg="modSld">
      <pc:chgData name="Nys, B (Brecht) (Business Manager III)" userId="f0c14ff5-aa98-4919-8cfd-4bc2d31aed24" providerId="ADAL" clId="{74D9DAB8-25BB-43A5-BD9A-16F7145A14D8}" dt="2023-01-13T21:55:39.242" v="5" actId="167"/>
      <pc:docMkLst>
        <pc:docMk/>
      </pc:docMkLst>
      <pc:sldChg chg="addSp modSp mod">
        <pc:chgData name="Nys, B (Brecht) (Business Manager III)" userId="f0c14ff5-aa98-4919-8cfd-4bc2d31aed24" providerId="ADAL" clId="{74D9DAB8-25BB-43A5-BD9A-16F7145A14D8}" dt="2023-01-13T21:55:39.242" v="5" actId="167"/>
        <pc:sldMkLst>
          <pc:docMk/>
          <pc:sldMk cId="269678020" sldId="871"/>
        </pc:sldMkLst>
        <pc:spChg chg="add mod ord">
          <ac:chgData name="Nys, B (Brecht) (Business Manager III)" userId="f0c14ff5-aa98-4919-8cfd-4bc2d31aed24" providerId="ADAL" clId="{74D9DAB8-25BB-43A5-BD9A-16F7145A14D8}" dt="2023-01-13T21:55:39.242" v="5" actId="167"/>
          <ac:spMkLst>
            <pc:docMk/>
            <pc:sldMk cId="269678020" sldId="871"/>
            <ac:spMk id="42" creationId="{39204774-3469-4FCF-BD2B-3FE33A13F15F}"/>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9/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09/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9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4.xml"/><Relationship Id="rId7" Type="http://schemas.openxmlformats.org/officeDocument/2006/relationships/image" Target="../media/image21.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5.xml"/></Relationships>
</file>

<file path=ppt/slides/_rels/slide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6.xml"/></Relationships>
</file>

<file path=ppt/slides/_rels/slide6.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slideLayout" Target="../slideLayouts/slideLayout33.xml"/><Relationship Id="rId1" Type="http://schemas.openxmlformats.org/officeDocument/2006/relationships/tags" Target="../tags/tag7.xml"/><Relationship Id="rId5" Type="http://schemas.openxmlformats.org/officeDocument/2006/relationships/image" Target="../media/image20.png"/><Relationship Id="rId4" Type="http://schemas.openxmlformats.org/officeDocument/2006/relationships/image" Target="../media/image24.png"/></Relationships>
</file>

<file path=ppt/slides/_rels/slide7.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8.xml"/><Relationship Id="rId5" Type="http://schemas.openxmlformats.org/officeDocument/2006/relationships/image" Target="../media/image26.png"/><Relationship Id="rId4" Type="http://schemas.openxmlformats.org/officeDocument/2006/relationships/image" Target="../media/image25.png"/></Relationships>
</file>

<file path=ppt/slides/_rels/slide8.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9.xml"/><Relationship Id="rId6" Type="http://schemas.openxmlformats.org/officeDocument/2006/relationships/image" Target="../media/image29.png"/><Relationship Id="rId5" Type="http://schemas.openxmlformats.org/officeDocument/2006/relationships/image" Target="../media/image28.png"/><Relationship Id="rId4" Type="http://schemas.openxmlformats.org/officeDocument/2006/relationships/image" Target="../media/image27.png"/></Relationships>
</file>

<file path=ppt/slides/_rels/slide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Layout" Target="../slideLayouts/slideLayout33.xml"/><Relationship Id="rId1" Type="http://schemas.openxmlformats.org/officeDocument/2006/relationships/tags" Target="../tags/tag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826836"/>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Kevin Guillemette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3" name="Rectangle 2">
            <a:extLst>
              <a:ext uri="{FF2B5EF4-FFF2-40B4-BE49-F238E27FC236}">
                <a16:creationId xmlns:a16="http://schemas.microsoft.com/office/drawing/2014/main" id="{907196DC-5EE3-6096-0D3D-0036808A5DE5}"/>
              </a:ext>
            </a:extLst>
          </p:cNvPr>
          <p:cNvSpPr/>
          <p:nvPr/>
        </p:nvSpPr>
        <p:spPr>
          <a:xfrm>
            <a:off x="7036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6" name="Rectangle 5">
            <a:extLst>
              <a:ext uri="{FF2B5EF4-FFF2-40B4-BE49-F238E27FC236}">
                <a16:creationId xmlns:a16="http://schemas.microsoft.com/office/drawing/2014/main" id="{EA9D07E0-A5C6-86C9-3B2A-69EA97E6B596}"/>
              </a:ext>
            </a:extLst>
          </p:cNvPr>
          <p:cNvSpPr/>
          <p:nvPr/>
        </p:nvSpPr>
        <p:spPr>
          <a:xfrm>
            <a:off x="34087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61138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88189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98A78A18-825E-C595-B308-29F28B0C2017}"/>
              </a:ext>
            </a:extLst>
          </p:cNvPr>
          <p:cNvSpPr txBox="1"/>
          <p:nvPr/>
        </p:nvSpPr>
        <p:spPr>
          <a:xfrm>
            <a:off x="703674"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703673" y="4207646"/>
            <a:ext cx="2529649"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704722" y="1959828"/>
            <a:ext cx="527556" cy="1143876"/>
          </a:xfrm>
          <a:prstGeom prst="rect">
            <a:avLst/>
          </a:prstGeom>
        </p:spPr>
      </p:pic>
      <p:sp>
        <p:nvSpPr>
          <p:cNvPr id="14" name="TextBox 13">
            <a:extLst>
              <a:ext uri="{FF2B5EF4-FFF2-40B4-BE49-F238E27FC236}">
                <a16:creationId xmlns:a16="http://schemas.microsoft.com/office/drawing/2014/main" id="{DCB9BDD5-A700-4E32-2871-F20697599D28}"/>
              </a:ext>
            </a:extLst>
          </p:cNvPr>
          <p:cNvSpPr txBox="1"/>
          <p:nvPr/>
        </p:nvSpPr>
        <p:spPr>
          <a:xfrm>
            <a:off x="3408768" y="3270354"/>
            <a:ext cx="2534831"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6113870" y="3270354"/>
            <a:ext cx="2529655"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8818976"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3403600" y="4207646"/>
            <a:ext cx="2534825" cy="1384995"/>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61190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88241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6995648" y="211052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700332" y="2110528"/>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8"/>
          <a:stretch>
            <a:fillRect/>
          </a:stretch>
        </p:blipFill>
        <p:spPr>
          <a:xfrm>
            <a:off x="4216188" y="2046087"/>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100182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27800" y="281020"/>
            <a:ext cx="435996" cy="945352"/>
          </a:xfrm>
          <a:prstGeom prst="rect">
            <a:avLst/>
          </a:prstGeom>
        </p:spPr>
      </p:pic>
    </p:spTree>
    <p:extLst>
      <p:ext uri="{BB962C8B-B14F-4D97-AF65-F5344CB8AC3E}">
        <p14:creationId xmlns:p14="http://schemas.microsoft.com/office/powerpoint/2010/main" val="3028581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680488" y="420399"/>
            <a:ext cx="914825" cy="971359"/>
          </a:xfrm>
          <a:prstGeom prst="rect">
            <a:avLst/>
          </a:prstGeom>
        </p:spPr>
      </p:pic>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7" name="TextBox 6">
            <a:extLst>
              <a:ext uri="{FF2B5EF4-FFF2-40B4-BE49-F238E27FC236}">
                <a16:creationId xmlns:a16="http://schemas.microsoft.com/office/drawing/2014/main" id="{B3B568C5-3AD6-87C8-97FE-BC4297924F8A}"/>
              </a:ext>
            </a:extLst>
          </p:cNvPr>
          <p:cNvSpPr txBox="1"/>
          <p:nvPr/>
        </p:nvSpPr>
        <p:spPr>
          <a:xfrm>
            <a:off x="851789" y="1866957"/>
            <a:ext cx="10021187" cy="3677930"/>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19 cases and vaccination rate for 236 countries from Feb-2020 until Feb-2023;</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a:p>
            <a:pPr>
              <a:spcBef>
                <a:spcPts val="600"/>
              </a:spcBef>
            </a:pPr>
            <a:endParaRPr lang="en-GB" sz="1200" b="1"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Process</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Define variables:</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Reproduction rate (“RR”)</a:t>
            </a:r>
            <a:r>
              <a:rPr lang="en-GB" sz="1200" dirty="0">
                <a:solidFill>
                  <a:schemeClr val="tx2"/>
                </a:solidFill>
                <a:latin typeface="Arial" panose="020B0604020202020204" pitchFamily="34" charset="0"/>
                <a:cs typeface="Arial" panose="020B0604020202020204" pitchFamily="34" charset="0"/>
              </a:rPr>
              <a:t>: the average number of people that one infected person will pass the disease 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Vaccination rate (“VR”)</a:t>
            </a:r>
            <a:r>
              <a:rPr lang="en-GB" sz="1200" dirty="0">
                <a:solidFill>
                  <a:schemeClr val="tx2"/>
                </a:solidFill>
                <a:latin typeface="Arial" panose="020B0604020202020204" pitchFamily="34" charset="0"/>
                <a:cs typeface="Arial" panose="020B0604020202020204" pitchFamily="34" charset="0"/>
              </a:rPr>
              <a:t>: proportion of country population that has received at least one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Fully vaccinated rate (“FVR”)</a:t>
            </a:r>
            <a:r>
              <a:rPr lang="en-GB" sz="1200" dirty="0">
                <a:solidFill>
                  <a:schemeClr val="tx2"/>
                </a:solidFill>
                <a:latin typeface="Arial" panose="020B0604020202020204" pitchFamily="34" charset="0"/>
                <a:cs typeface="Arial" panose="020B0604020202020204" pitchFamily="34" charset="0"/>
              </a:rPr>
              <a:t>: proportion of country population that has received both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Death rate (“DR”)</a:t>
            </a:r>
            <a:r>
              <a:rPr lang="en-GB" sz="1200" dirty="0">
                <a:solidFill>
                  <a:schemeClr val="tx2"/>
                </a:solidFill>
                <a:latin typeface="Arial" panose="020B0604020202020204" pitchFamily="34" charset="0"/>
                <a:cs typeface="Arial" panose="020B0604020202020204" pitchFamily="34" charset="0"/>
              </a:rPr>
              <a:t>: proportion of infected people that died.</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Analysis:</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1: Influence of vaccination rate on reproduc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2: Visible differences between high or low levels of vaccina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Tree>
    <p:extLst>
      <p:ext uri="{BB962C8B-B14F-4D97-AF65-F5344CB8AC3E}">
        <p14:creationId xmlns:p14="http://schemas.microsoft.com/office/powerpoint/2010/main" val="157358064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1: Influence of vaccination rate on reproduction rate and death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4262705"/>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is to investigate the relationship betwee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003 (0.0005 for FVR);</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value was only 2.5% (5.1% for FVR), indicating a weak correlation.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observed a moderate to low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16 (-0.0178 for FVR), suggesting that higher vaccination rates were associated with lower death rates. </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R-value was -32.4% (-35.9% for FVR), indicating a negative correlation.</a:t>
            </a:r>
          </a:p>
        </p:txBody>
      </p:sp>
      <p:pic>
        <p:nvPicPr>
          <p:cNvPr id="27" name="Picture 26" descr="Chart, scatter chart&#10;&#10;Description automatically generated">
            <a:extLst>
              <a:ext uri="{FF2B5EF4-FFF2-40B4-BE49-F238E27FC236}">
                <a16:creationId xmlns:a16="http://schemas.microsoft.com/office/drawing/2014/main" id="{270F0EA4-3F73-4084-07DC-52AC3FE887D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09600" y="2124925"/>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29" name="Picture 28" descr="Diagram&#10;&#10;Description automatically generated">
            <a:extLst>
              <a:ext uri="{FF2B5EF4-FFF2-40B4-BE49-F238E27FC236}">
                <a16:creationId xmlns:a16="http://schemas.microsoft.com/office/drawing/2014/main" id="{7AD1E20A-579D-FE0F-F054-3FBFA0AB1D0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69686" y="2124926"/>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Tree>
    <p:extLst>
      <p:ext uri="{BB962C8B-B14F-4D97-AF65-F5344CB8AC3E}">
        <p14:creationId xmlns:p14="http://schemas.microsoft.com/office/powerpoint/2010/main" val="225243843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2: Visible differences between high or low levels of vaccination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1985159"/>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investigated whether there were discernible differences in either Reproduction- or Death rates between high and low levels of Vaccination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contrast between the level of Vaccination rate and either the Reproduction Rate or the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level of Vaccination rate alone is not sufficient to predict changes in outcome.</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5" name="Picture 4" descr="Chart, box and whisker chart&#10;&#10;Description automatically generated">
            <a:extLst>
              <a:ext uri="{FF2B5EF4-FFF2-40B4-BE49-F238E27FC236}">
                <a16:creationId xmlns:a16="http://schemas.microsoft.com/office/drawing/2014/main" id="{8149C4CA-23D4-C18C-537D-0D0BE938646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661" y="2514242"/>
            <a:ext cx="3345357" cy="2509021"/>
          </a:xfrm>
          <a:prstGeom prst="rect">
            <a:avLst/>
          </a:prstGeom>
          <a:ln>
            <a:solidFill>
              <a:schemeClr val="tx1"/>
            </a:solidFill>
          </a:ln>
          <a:effectLst>
            <a:outerShdw blurRad="50800" dist="38100" dir="2700000" algn="tl" rotWithShape="0">
              <a:prstClr val="black">
                <a:alpha val="40000"/>
              </a:prstClr>
            </a:outerShdw>
          </a:effectLst>
        </p:spPr>
      </p:pic>
      <p:pic>
        <p:nvPicPr>
          <p:cNvPr id="6" name="Picture 5" descr="Calendar&#10;&#10;Description automatically generated">
            <a:extLst>
              <a:ext uri="{FF2B5EF4-FFF2-40B4-BE49-F238E27FC236}">
                <a16:creationId xmlns:a16="http://schemas.microsoft.com/office/drawing/2014/main" id="{A662AE66-F228-1749-2E65-A22F0EBE66A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940097" y="2514242"/>
            <a:ext cx="3345357" cy="2509021"/>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96623009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3801041"/>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es separately for each continent to explore the relationship between Vaccination rate and Death rat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Asia, we found a negative slope of -0.012 and an R-value of -27.6%,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Europe, we observed a steeper negative slope of -0.018 and a stronger negative correlation with an R-value of -56.4%.</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the Americas, we found a similar negative slope of -0.019 and an R-value of -27.8%,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there are some regional disparities in the strength of the association between Vaccination rate and Death rate, with Europe showing the strongest negative correlation.</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7" name="Picture 6" descr="Graphical user interface, diagram, application&#10;&#10;Description automatically generated">
            <a:extLst>
              <a:ext uri="{FF2B5EF4-FFF2-40B4-BE49-F238E27FC236}">
                <a16:creationId xmlns:a16="http://schemas.microsoft.com/office/drawing/2014/main" id="{4B2409D5-D7EF-4450-D625-F20DC7AFD37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09600" y="1755937"/>
            <a:ext cx="2455525" cy="2455525"/>
          </a:xfrm>
          <a:prstGeom prst="rect">
            <a:avLst/>
          </a:prstGeom>
          <a:ln>
            <a:solidFill>
              <a:schemeClr val="tx1"/>
            </a:solidFill>
          </a:ln>
          <a:effectLst>
            <a:outerShdw blurRad="50800" dist="38100" dir="2700000" algn="tl" rotWithShape="0">
              <a:prstClr val="black">
                <a:alpha val="40000"/>
              </a:prstClr>
            </a:outerShdw>
          </a:effectLst>
        </p:spPr>
      </p:pic>
      <p:pic>
        <p:nvPicPr>
          <p:cNvPr id="8" name="Picture 7" descr="Chart&#10;&#10;Description automatically generated">
            <a:extLst>
              <a:ext uri="{FF2B5EF4-FFF2-40B4-BE49-F238E27FC236}">
                <a16:creationId xmlns:a16="http://schemas.microsoft.com/office/drawing/2014/main" id="{A9C74C69-B9AC-070D-61F5-6687069893F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666526" y="2836976"/>
            <a:ext cx="2504879" cy="2504879"/>
          </a:xfrm>
          <a:prstGeom prst="rect">
            <a:avLst/>
          </a:prstGeom>
          <a:ln>
            <a:solidFill>
              <a:schemeClr val="tx1"/>
            </a:solidFill>
          </a:ln>
          <a:effectLst>
            <a:outerShdw blurRad="50800" dist="38100" dir="2700000" algn="tl" rotWithShape="0">
              <a:prstClr val="black">
                <a:alpha val="40000"/>
              </a:prstClr>
            </a:outerShdw>
          </a:effectLst>
        </p:spPr>
      </p:pic>
      <p:pic>
        <p:nvPicPr>
          <p:cNvPr id="9" name="Picture 8" descr="Graphical user interface&#10;&#10;Description automatically generated">
            <a:extLst>
              <a:ext uri="{FF2B5EF4-FFF2-40B4-BE49-F238E27FC236}">
                <a16:creationId xmlns:a16="http://schemas.microsoft.com/office/drawing/2014/main" id="{4D69FC93-B6C7-4AD4-330A-707C2231FD4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772806" y="3967369"/>
            <a:ext cx="2529929" cy="2529929"/>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87059048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3" name="Picture 2">
            <a:extLst>
              <a:ext uri="{FF2B5EF4-FFF2-40B4-BE49-F238E27FC236}">
                <a16:creationId xmlns:a16="http://schemas.microsoft.com/office/drawing/2014/main" id="{73A3DB8B-0020-5156-CD99-AD79435AA86A}"/>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106731" y="484840"/>
            <a:ext cx="766937" cy="842477"/>
          </a:xfrm>
          <a:prstGeom prst="rect">
            <a:avLst/>
          </a:prstGeom>
        </p:spPr>
      </p:pic>
    </p:spTree>
    <p:extLst>
      <p:ext uri="{BB962C8B-B14F-4D97-AF65-F5344CB8AC3E}">
        <p14:creationId xmlns:p14="http://schemas.microsoft.com/office/powerpoint/2010/main" val="19845463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5.xml><?xml version="1.0" encoding="utf-8"?>
<TemplafyFormConfiguration><![CDATA[{"formFields":[],"formDataEntries":[]}]]></TemplafyFormConfiguration>
</file>

<file path=customXml/itemProps1.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2.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customXml/itemProps3.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9B96071-12D7-45F2-BE4E-8DF39564C746}">
  <ds:schemaRefs/>
</ds:datastoreItem>
</file>

<file path=customXml/itemProps5.xml><?xml version="1.0" encoding="utf-8"?>
<ds:datastoreItem xmlns:ds="http://schemas.openxmlformats.org/officeDocument/2006/customXml" ds:itemID="{6DF3E12A-6C1E-4E88-8400-118A6A2BB65F}">
  <ds:schemaRefs/>
</ds:datastoreItem>
</file>

<file path=docProps/app.xml><?xml version="1.0" encoding="utf-8"?>
<Properties xmlns="http://schemas.openxmlformats.org/officeDocument/2006/extended-properties" xmlns:vt="http://schemas.openxmlformats.org/officeDocument/2006/docPropsVTypes">
  <Template/>
  <TotalTime>10394</TotalTime>
  <Words>712</Words>
  <Application>Microsoft Office PowerPoint</Application>
  <PresentationFormat>Widescreen</PresentationFormat>
  <Paragraphs>62</Paragraphs>
  <Slides>9</Slides>
  <Notes>1</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9</vt:i4>
      </vt:variant>
    </vt:vector>
  </HeadingPairs>
  <TitlesOfParts>
    <vt:vector size="18" baseType="lpstr">
      <vt:lpstr>Myriad Pro</vt:lpstr>
      <vt:lpstr>Myriad for Rabobank It</vt:lpstr>
      <vt:lpstr>Myriad for Rabobank SBd It</vt:lpstr>
      <vt:lpstr>Arial</vt:lpstr>
      <vt:lpstr>Myriad for Rabobank SBd</vt:lpstr>
      <vt:lpstr>Myriad for Rabobank Bd It</vt:lpstr>
      <vt:lpstr>Myriad for Rabobank Lt</vt:lpstr>
      <vt:lpstr>Myriad for Rabobank</vt:lpstr>
      <vt:lpstr>Rabobank (2021)</vt:lpstr>
      <vt:lpstr>The influence of various factors on the spread of COVID-19</vt:lpstr>
      <vt:lpstr>The factors that we have considered…</vt:lpstr>
      <vt:lpstr>Factor: Climate</vt:lpstr>
      <vt:lpstr>Factor: Government Response </vt:lpstr>
      <vt:lpstr>Factor: Vaccination Rate  </vt:lpstr>
      <vt:lpstr>Factor: Vaccination Rate  </vt:lpstr>
      <vt:lpstr>Factor: Vaccination Rate  </vt:lpstr>
      <vt:lpstr>Factor: Vaccination Rate  </vt:lpstr>
      <vt:lpstr>Factor: Air Quality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Brecht Nys</cp:lastModifiedBy>
  <cp:revision>332</cp:revision>
  <cp:lastPrinted>2021-12-19T14:36:36Z</cp:lastPrinted>
  <dcterms:created xsi:type="dcterms:W3CDTF">2021-12-16T08:31:56Z</dcterms:created>
  <dcterms:modified xsi:type="dcterms:W3CDTF">2023-04-09T18:30: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